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3"/>
  </p:notesMasterIdLst>
  <p:handoutMasterIdLst>
    <p:handoutMasterId r:id="rId24"/>
  </p:handoutMasterIdLst>
  <p:sldIdLst>
    <p:sldId id="256" r:id="rId2"/>
    <p:sldId id="261" r:id="rId3"/>
    <p:sldId id="295" r:id="rId4"/>
    <p:sldId id="293" r:id="rId5"/>
    <p:sldId id="276" r:id="rId6"/>
    <p:sldId id="278" r:id="rId7"/>
    <p:sldId id="277" r:id="rId8"/>
    <p:sldId id="269" r:id="rId9"/>
    <p:sldId id="279" r:id="rId10"/>
    <p:sldId id="280" r:id="rId11"/>
    <p:sldId id="270" r:id="rId12"/>
    <p:sldId id="285" r:id="rId13"/>
    <p:sldId id="282" r:id="rId14"/>
    <p:sldId id="271" r:id="rId15"/>
    <p:sldId id="288" r:id="rId16"/>
    <p:sldId id="289" r:id="rId17"/>
    <p:sldId id="291" r:id="rId18"/>
    <p:sldId id="272" r:id="rId19"/>
    <p:sldId id="283" r:id="rId20"/>
    <p:sldId id="274" r:id="rId21"/>
    <p:sldId id="294" r:id="rId22"/>
  </p:sldIdLst>
  <p:sldSz cx="12192000" cy="6858000"/>
  <p:notesSz cx="6805613" cy="9944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76940" autoAdjust="0"/>
  </p:normalViewPr>
  <p:slideViewPr>
    <p:cSldViewPr snapToGrid="0" showGuides="1">
      <p:cViewPr varScale="1">
        <p:scale>
          <a:sx n="59" d="100"/>
          <a:sy n="59" d="100"/>
        </p:scale>
        <p:origin x="1320" y="60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2" d="100"/>
          <a:sy n="92" d="100"/>
        </p:scale>
        <p:origin x="374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7F72070-0430-496B-A56C-AAD09C990784}" type="doc">
      <dgm:prSet loTypeId="urn:microsoft.com/office/officeart/2005/8/layout/process1" loCatId="process" qsTypeId="urn:microsoft.com/office/officeart/2005/8/quickstyle/simple1" qsCatId="simple" csTypeId="urn:microsoft.com/office/officeart/2005/8/colors/accent1_2" csCatId="accent1" phldr="1"/>
      <dgm:spPr/>
    </dgm:pt>
    <dgm:pt modelId="{0ACDB73A-236A-49A0-9902-07C97AAFD630}">
      <dgm:prSet phldrT="[Tekst]" custT="1"/>
      <dgm:spPr/>
      <dgm:t>
        <a:bodyPr/>
        <a:lstStyle/>
        <a:p>
          <a:r>
            <a:rPr lang="da-DK" sz="1800" dirty="0"/>
            <a:t>Fastsættelse af beregningsteknisk kapacitet</a:t>
          </a:r>
        </a:p>
        <a:p>
          <a:r>
            <a:rPr lang="da-DK" sz="1400" dirty="0"/>
            <a:t>Udmeldt d. 30. september 2022</a:t>
          </a:r>
        </a:p>
      </dgm:t>
    </dgm:pt>
    <dgm:pt modelId="{C672589A-C1A6-4B59-93A5-4C1F6DAC2527}" type="parTrans" cxnId="{1BAE4DC1-1197-4692-B44B-264AACD5EC3B}">
      <dgm:prSet/>
      <dgm:spPr/>
      <dgm:t>
        <a:bodyPr/>
        <a:lstStyle/>
        <a:p>
          <a:endParaRPr lang="da-DK"/>
        </a:p>
      </dgm:t>
    </dgm:pt>
    <dgm:pt modelId="{9F8E7643-BD1F-4729-A2F4-406A271DF9EC}" type="sibTrans" cxnId="{1BAE4DC1-1197-4692-B44B-264AACD5EC3B}">
      <dgm:prSet/>
      <dgm:spPr/>
      <dgm:t>
        <a:bodyPr/>
        <a:lstStyle/>
        <a:p>
          <a:endParaRPr lang="da-DK"/>
        </a:p>
      </dgm:t>
    </dgm:pt>
    <dgm:pt modelId="{D34FCD50-CF5D-45FE-B97C-B22E01E2918A}">
      <dgm:prSet phldrT="[Tekst]" custT="1"/>
      <dgm:spPr/>
      <dgm:t>
        <a:bodyPr/>
        <a:lstStyle/>
        <a:p>
          <a:r>
            <a:rPr lang="da-DK" sz="1800" dirty="0"/>
            <a:t>Fastsættelse af foreløbig kapacitet</a:t>
          </a:r>
        </a:p>
        <a:p>
          <a:r>
            <a:rPr lang="da-DK" sz="1400" dirty="0"/>
            <a:t>Senest d. 1. februar 2023</a:t>
          </a:r>
        </a:p>
      </dgm:t>
    </dgm:pt>
    <dgm:pt modelId="{B4F357C7-564D-4F77-B912-1A2ADFA127DE}" type="parTrans" cxnId="{660A48CB-BA77-4D1F-B9F5-834BA126B532}">
      <dgm:prSet/>
      <dgm:spPr/>
      <dgm:t>
        <a:bodyPr/>
        <a:lstStyle/>
        <a:p>
          <a:endParaRPr lang="da-DK"/>
        </a:p>
      </dgm:t>
    </dgm:pt>
    <dgm:pt modelId="{D8C27734-5616-4A1A-936D-F28848456F21}" type="sibTrans" cxnId="{660A48CB-BA77-4D1F-B9F5-834BA126B532}">
      <dgm:prSet/>
      <dgm:spPr/>
      <dgm:t>
        <a:bodyPr/>
        <a:lstStyle/>
        <a:p>
          <a:endParaRPr lang="da-DK"/>
        </a:p>
      </dgm:t>
    </dgm:pt>
    <dgm:pt modelId="{60B35FF7-6084-416B-BF40-A5F22DA37F3A}">
      <dgm:prSet phldrT="[Tekst]" custT="1"/>
      <dgm:spPr/>
      <dgm:t>
        <a:bodyPr/>
        <a:lstStyle/>
        <a:p>
          <a:r>
            <a:rPr lang="da-DK" sz="1800" dirty="0"/>
            <a:t>Fastsættelse af endelig kapacitet</a:t>
          </a:r>
        </a:p>
        <a:p>
          <a:r>
            <a:rPr lang="da-DK" sz="1400" dirty="0"/>
            <a:t>Senest d. 15. maj 2023</a:t>
          </a:r>
        </a:p>
      </dgm:t>
    </dgm:pt>
    <dgm:pt modelId="{A302359F-6526-40C2-8414-60B4B1CBFC37}" type="parTrans" cxnId="{9A43B9CC-15AF-455B-A28A-143CCAA73518}">
      <dgm:prSet/>
      <dgm:spPr/>
      <dgm:t>
        <a:bodyPr/>
        <a:lstStyle/>
        <a:p>
          <a:endParaRPr lang="da-DK"/>
        </a:p>
      </dgm:t>
    </dgm:pt>
    <dgm:pt modelId="{80A729A9-5448-4B58-A4DD-24D2EEC74362}" type="sibTrans" cxnId="{9A43B9CC-15AF-455B-A28A-143CCAA73518}">
      <dgm:prSet/>
      <dgm:spPr/>
      <dgm:t>
        <a:bodyPr/>
        <a:lstStyle/>
        <a:p>
          <a:endParaRPr lang="da-DK"/>
        </a:p>
      </dgm:t>
    </dgm:pt>
    <dgm:pt modelId="{AD6AB752-5069-476C-B961-9C3F6C448AAE}" type="pres">
      <dgm:prSet presAssocID="{77F72070-0430-496B-A56C-AAD09C990784}" presName="Name0" presStyleCnt="0">
        <dgm:presLayoutVars>
          <dgm:dir/>
          <dgm:resizeHandles val="exact"/>
        </dgm:presLayoutVars>
      </dgm:prSet>
      <dgm:spPr/>
    </dgm:pt>
    <dgm:pt modelId="{8346D658-7D1C-4735-B035-A2C341C2C87C}" type="pres">
      <dgm:prSet presAssocID="{0ACDB73A-236A-49A0-9902-07C97AAFD630}" presName="node" presStyleLbl="node1" presStyleIdx="0" presStyleCnt="3" custLinFactNeighborX="-429" custLinFactNeighborY="39199">
        <dgm:presLayoutVars>
          <dgm:bulletEnabled val="1"/>
        </dgm:presLayoutVars>
      </dgm:prSet>
      <dgm:spPr/>
    </dgm:pt>
    <dgm:pt modelId="{504CB996-15AF-4717-8071-D4DB67308AD2}" type="pres">
      <dgm:prSet presAssocID="{9F8E7643-BD1F-4729-A2F4-406A271DF9EC}" presName="sibTrans" presStyleLbl="sibTrans2D1" presStyleIdx="0" presStyleCnt="2"/>
      <dgm:spPr/>
    </dgm:pt>
    <dgm:pt modelId="{42450D46-D55C-4874-B6D0-E860A193447A}" type="pres">
      <dgm:prSet presAssocID="{9F8E7643-BD1F-4729-A2F4-406A271DF9EC}" presName="connectorText" presStyleLbl="sibTrans2D1" presStyleIdx="0" presStyleCnt="2"/>
      <dgm:spPr/>
    </dgm:pt>
    <dgm:pt modelId="{03C16EAE-268F-47D5-A57C-3911CE11BFB7}" type="pres">
      <dgm:prSet presAssocID="{D34FCD50-CF5D-45FE-B97C-B22E01E2918A}" presName="node" presStyleLbl="node1" presStyleIdx="1" presStyleCnt="3" custLinFactNeighborX="-840" custLinFactNeighborY="39826">
        <dgm:presLayoutVars>
          <dgm:bulletEnabled val="1"/>
        </dgm:presLayoutVars>
      </dgm:prSet>
      <dgm:spPr/>
    </dgm:pt>
    <dgm:pt modelId="{9B9F2A23-1111-40A3-BF99-B00B06763CC5}" type="pres">
      <dgm:prSet presAssocID="{D8C27734-5616-4A1A-936D-F28848456F21}" presName="sibTrans" presStyleLbl="sibTrans2D1" presStyleIdx="1" presStyleCnt="2"/>
      <dgm:spPr/>
    </dgm:pt>
    <dgm:pt modelId="{F6C8945D-9D0A-46DC-B3DD-F04799E2A5AE}" type="pres">
      <dgm:prSet presAssocID="{D8C27734-5616-4A1A-936D-F28848456F21}" presName="connectorText" presStyleLbl="sibTrans2D1" presStyleIdx="1" presStyleCnt="2"/>
      <dgm:spPr/>
    </dgm:pt>
    <dgm:pt modelId="{8279323A-E517-4F01-8BF9-54EC5F7CE8CA}" type="pres">
      <dgm:prSet presAssocID="{60B35FF7-6084-416B-BF40-A5F22DA37F3A}" presName="node" presStyleLbl="node1" presStyleIdx="2" presStyleCnt="3" custLinFactNeighborX="-6720" custLinFactNeighborY="39759">
        <dgm:presLayoutVars>
          <dgm:bulletEnabled val="1"/>
        </dgm:presLayoutVars>
      </dgm:prSet>
      <dgm:spPr/>
    </dgm:pt>
  </dgm:ptLst>
  <dgm:cxnLst>
    <dgm:cxn modelId="{0630A830-972C-4799-9537-03641C69910F}" type="presOf" srcId="{D34FCD50-CF5D-45FE-B97C-B22E01E2918A}" destId="{03C16EAE-268F-47D5-A57C-3911CE11BFB7}" srcOrd="0" destOrd="0" presId="urn:microsoft.com/office/officeart/2005/8/layout/process1"/>
    <dgm:cxn modelId="{5EF7A038-B2BE-42E8-B884-207CAD423918}" type="presOf" srcId="{60B35FF7-6084-416B-BF40-A5F22DA37F3A}" destId="{8279323A-E517-4F01-8BF9-54EC5F7CE8CA}" srcOrd="0" destOrd="0" presId="urn:microsoft.com/office/officeart/2005/8/layout/process1"/>
    <dgm:cxn modelId="{9F1F5E5E-D879-48D6-A93B-99131670A9D1}" type="presOf" srcId="{77F72070-0430-496B-A56C-AAD09C990784}" destId="{AD6AB752-5069-476C-B961-9C3F6C448AAE}" srcOrd="0" destOrd="0" presId="urn:microsoft.com/office/officeart/2005/8/layout/process1"/>
    <dgm:cxn modelId="{3D466C71-9195-4383-B1A5-E939CF13D8D7}" type="presOf" srcId="{D8C27734-5616-4A1A-936D-F28848456F21}" destId="{F6C8945D-9D0A-46DC-B3DD-F04799E2A5AE}" srcOrd="1" destOrd="0" presId="urn:microsoft.com/office/officeart/2005/8/layout/process1"/>
    <dgm:cxn modelId="{8BAD495A-E730-4B07-A3F6-D5959F81DED8}" type="presOf" srcId="{9F8E7643-BD1F-4729-A2F4-406A271DF9EC}" destId="{504CB996-15AF-4717-8071-D4DB67308AD2}" srcOrd="0" destOrd="0" presId="urn:microsoft.com/office/officeart/2005/8/layout/process1"/>
    <dgm:cxn modelId="{49800798-9A71-4711-9326-EB3FE1D95CD2}" type="presOf" srcId="{9F8E7643-BD1F-4729-A2F4-406A271DF9EC}" destId="{42450D46-D55C-4874-B6D0-E860A193447A}" srcOrd="1" destOrd="0" presId="urn:microsoft.com/office/officeart/2005/8/layout/process1"/>
    <dgm:cxn modelId="{241457BF-600D-4EE1-8AF7-14E6AA54B7EE}" type="presOf" srcId="{0ACDB73A-236A-49A0-9902-07C97AAFD630}" destId="{8346D658-7D1C-4735-B035-A2C341C2C87C}" srcOrd="0" destOrd="0" presId="urn:microsoft.com/office/officeart/2005/8/layout/process1"/>
    <dgm:cxn modelId="{1BAE4DC1-1197-4692-B44B-264AACD5EC3B}" srcId="{77F72070-0430-496B-A56C-AAD09C990784}" destId="{0ACDB73A-236A-49A0-9902-07C97AAFD630}" srcOrd="0" destOrd="0" parTransId="{C672589A-C1A6-4B59-93A5-4C1F6DAC2527}" sibTransId="{9F8E7643-BD1F-4729-A2F4-406A271DF9EC}"/>
    <dgm:cxn modelId="{660A48CB-BA77-4D1F-B9F5-834BA126B532}" srcId="{77F72070-0430-496B-A56C-AAD09C990784}" destId="{D34FCD50-CF5D-45FE-B97C-B22E01E2918A}" srcOrd="1" destOrd="0" parTransId="{B4F357C7-564D-4F77-B912-1A2ADFA127DE}" sibTransId="{D8C27734-5616-4A1A-936D-F28848456F21}"/>
    <dgm:cxn modelId="{9A43B9CC-15AF-455B-A28A-143CCAA73518}" srcId="{77F72070-0430-496B-A56C-AAD09C990784}" destId="{60B35FF7-6084-416B-BF40-A5F22DA37F3A}" srcOrd="2" destOrd="0" parTransId="{A302359F-6526-40C2-8414-60B4B1CBFC37}" sibTransId="{80A729A9-5448-4B58-A4DD-24D2EEC74362}"/>
    <dgm:cxn modelId="{3350A2EC-0F21-4407-9E75-68794AD6224E}" type="presOf" srcId="{D8C27734-5616-4A1A-936D-F28848456F21}" destId="{9B9F2A23-1111-40A3-BF99-B00B06763CC5}" srcOrd="0" destOrd="0" presId="urn:microsoft.com/office/officeart/2005/8/layout/process1"/>
    <dgm:cxn modelId="{1B79BF16-70EF-4111-B387-D614F78581DC}" type="presParOf" srcId="{AD6AB752-5069-476C-B961-9C3F6C448AAE}" destId="{8346D658-7D1C-4735-B035-A2C341C2C87C}" srcOrd="0" destOrd="0" presId="urn:microsoft.com/office/officeart/2005/8/layout/process1"/>
    <dgm:cxn modelId="{7F002C46-DEDB-415E-896B-A51309C3F899}" type="presParOf" srcId="{AD6AB752-5069-476C-B961-9C3F6C448AAE}" destId="{504CB996-15AF-4717-8071-D4DB67308AD2}" srcOrd="1" destOrd="0" presId="urn:microsoft.com/office/officeart/2005/8/layout/process1"/>
    <dgm:cxn modelId="{BBDB956D-21A7-486B-9A18-CE53A81A866B}" type="presParOf" srcId="{504CB996-15AF-4717-8071-D4DB67308AD2}" destId="{42450D46-D55C-4874-B6D0-E860A193447A}" srcOrd="0" destOrd="0" presId="urn:microsoft.com/office/officeart/2005/8/layout/process1"/>
    <dgm:cxn modelId="{924047D6-54BA-4085-9562-C2D5EC1E13E4}" type="presParOf" srcId="{AD6AB752-5069-476C-B961-9C3F6C448AAE}" destId="{03C16EAE-268F-47D5-A57C-3911CE11BFB7}" srcOrd="2" destOrd="0" presId="urn:microsoft.com/office/officeart/2005/8/layout/process1"/>
    <dgm:cxn modelId="{69BC4987-92D7-4472-9D38-9F915B7FF843}" type="presParOf" srcId="{AD6AB752-5069-476C-B961-9C3F6C448AAE}" destId="{9B9F2A23-1111-40A3-BF99-B00B06763CC5}" srcOrd="3" destOrd="0" presId="urn:microsoft.com/office/officeart/2005/8/layout/process1"/>
    <dgm:cxn modelId="{4429A3E0-EDE1-44B3-9181-FCECF5BAE2E0}" type="presParOf" srcId="{9B9F2A23-1111-40A3-BF99-B00B06763CC5}" destId="{F6C8945D-9D0A-46DC-B3DD-F04799E2A5AE}" srcOrd="0" destOrd="0" presId="urn:microsoft.com/office/officeart/2005/8/layout/process1"/>
    <dgm:cxn modelId="{CB0CA5C2-2578-4C13-9CD5-03B46C7D8CEF}" type="presParOf" srcId="{AD6AB752-5069-476C-B961-9C3F6C448AAE}" destId="{8279323A-E517-4F01-8BF9-54EC5F7CE8CA}" srcOrd="4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346D658-7D1C-4735-B035-A2C341C2C87C}">
      <dsp:nvSpPr>
        <dsp:cNvPr id="0" name=""/>
        <dsp:cNvSpPr/>
      </dsp:nvSpPr>
      <dsp:spPr>
        <a:xfrm>
          <a:off x="4620" y="1806142"/>
          <a:ext cx="2834877" cy="170092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Fastsættelse af beregningsteknisk kapacitet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Udmeldt d. 30. september 2022</a:t>
          </a:r>
        </a:p>
      </dsp:txBody>
      <dsp:txXfrm>
        <a:off x="54438" y="1855960"/>
        <a:ext cx="2735241" cy="1601290"/>
      </dsp:txXfrm>
    </dsp:sp>
    <dsp:sp modelId="{504CB996-15AF-4717-8071-D4DB67308AD2}">
      <dsp:nvSpPr>
        <dsp:cNvPr id="0" name=""/>
        <dsp:cNvSpPr/>
      </dsp:nvSpPr>
      <dsp:spPr>
        <a:xfrm rot="9249">
          <a:off x="3121819" y="2310458"/>
          <a:ext cx="598526" cy="703049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3000" kern="1200"/>
        </a:p>
      </dsp:txBody>
      <dsp:txXfrm>
        <a:off x="3121819" y="2450826"/>
        <a:ext cx="418968" cy="421829"/>
      </dsp:txXfrm>
    </dsp:sp>
    <dsp:sp modelId="{03C16EAE-268F-47D5-A57C-3911CE11BFB7}">
      <dsp:nvSpPr>
        <dsp:cNvPr id="0" name=""/>
        <dsp:cNvSpPr/>
      </dsp:nvSpPr>
      <dsp:spPr>
        <a:xfrm>
          <a:off x="3968788" y="1816807"/>
          <a:ext cx="2834877" cy="170092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Fastsættelse af foreløbig kapacitet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Senest d. 1. februar 2023</a:t>
          </a:r>
        </a:p>
      </dsp:txBody>
      <dsp:txXfrm>
        <a:off x="4018606" y="1866625"/>
        <a:ext cx="2735241" cy="1601290"/>
      </dsp:txXfrm>
    </dsp:sp>
    <dsp:sp modelId="{9B9F2A23-1111-40A3-BF99-B00B06763CC5}">
      <dsp:nvSpPr>
        <dsp:cNvPr id="0" name=""/>
        <dsp:cNvSpPr/>
      </dsp:nvSpPr>
      <dsp:spPr>
        <a:xfrm rot="21598996">
          <a:off x="7070484" y="2315171"/>
          <a:ext cx="565655" cy="703049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da-DK" sz="3000" kern="1200"/>
        </a:p>
      </dsp:txBody>
      <dsp:txXfrm>
        <a:off x="7070484" y="2455806"/>
        <a:ext cx="395959" cy="421829"/>
      </dsp:txXfrm>
    </dsp:sp>
    <dsp:sp modelId="{8279323A-E517-4F01-8BF9-54EC5F7CE8CA}">
      <dsp:nvSpPr>
        <dsp:cNvPr id="0" name=""/>
        <dsp:cNvSpPr/>
      </dsp:nvSpPr>
      <dsp:spPr>
        <a:xfrm>
          <a:off x="7870940" y="1815667"/>
          <a:ext cx="2834877" cy="1700926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kern="1200" dirty="0"/>
            <a:t>Fastsættelse af endelig kapacitet</a:t>
          </a:r>
        </a:p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/>
            <a:t>Senest d. 15. maj 2023</a:t>
          </a:r>
        </a:p>
      </dsp:txBody>
      <dsp:txXfrm>
        <a:off x="7920758" y="1865485"/>
        <a:ext cx="2735241" cy="160129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54939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54939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6/11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0562" y="4785598"/>
            <a:ext cx="5444490" cy="391548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54939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6/11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54939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20688" y="1243013"/>
            <a:ext cx="5964237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80993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1776748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53444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530126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5604120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436613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888424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0653057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243261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199101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8324402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9605014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2162069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9526679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360610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4937755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211517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u="none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8903843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5500775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539983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457200" lvl="1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64898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FB4A9B8-3638-4FC0-9D5B-37E83506B102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B30007-D416-4F36-BE74-F08BF34530F5}" type="datetime2">
              <a:rPr lang="da-DK" noProof="0" smtClean="0"/>
              <a:t>6. november 2022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6. november 2022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51F5DCE-0413-490C-B6BA-2924273B1BC2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17888E79-4E09-4DA0-A549-329DBE1988A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46C17E5-3C79-4894-AB6D-9E2345EDA1D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3FFC6734-A955-43DC-9FC6-2367C37134A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D6D80-BD06-4D9D-AC51-893A11D339D2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3" name="Text Placeholder logo">
            <a:extLst>
              <a:ext uri="{FF2B5EF4-FFF2-40B4-BE49-F238E27FC236}">
                <a16:creationId xmlns:a16="http://schemas.microsoft.com/office/drawing/2014/main" id="{43D4E250-F331-4747-B82B-D6C470F0D0D3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22599B1-1D12-4101-8FD5-9AC0825BFB01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EB0C9D-C594-4A2C-A1BE-61C0D14FF095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88FC00D-5354-483C-9AB6-CFF2E20F2479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D4272E0-9002-4BC8-A42F-99370B78AA76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18B6E356-6F3D-479D-B8C1-DDE81CF6A90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4F35A-493B-4EC3-90E0-DDF30FCA52F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55481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 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18829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7EECBBE-9EF9-4F4A-AF45-2BF8DE6A740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95523102-F04E-4A89-9748-1E003E43CA7C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D6C6DB3-A8B6-4BE2-B238-96B43D9CA09F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54C49EF4-EA58-4047-81A3-3DFD04CA32A2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404BF66-0C6A-4FE0-989D-E85701C8F143}" type="datetime2">
              <a:rPr lang="da-DK" smtClean="0"/>
              <a:t>6. november 202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4" name="STUK logo">
            <a:extLst>
              <a:ext uri="{FF2B5EF4-FFF2-40B4-BE49-F238E27FC236}">
                <a16:creationId xmlns:a16="http://schemas.microsoft.com/office/drawing/2014/main" id="{792B0D9F-FC95-442A-AF8D-83B973E551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8D9D2CE-2762-4DD9-AD36-097487B5D853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A0524A6-9501-446D-AC2A-A1AF341E873F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01C38012-A822-4C7D-8455-B874D6530FF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F63C744-ACC2-4FEE-8DC3-7BA547760ECF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42622F9F-DE31-4261-B7B8-0D4F99E57044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39750"/>
            <a:ext cx="1854230" cy="732363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Click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ext</a:t>
            </a:r>
            <a:r>
              <a:rPr lang="da-DK" noProof="0" dirty="0"/>
              <a:t> styles</a:t>
            </a:r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5"/>
            <a:r>
              <a:rPr lang="da-DK" noProof="0" dirty="0"/>
              <a:t>6</a:t>
            </a:r>
          </a:p>
          <a:p>
            <a:pPr lvl="6"/>
            <a:r>
              <a:rPr lang="da-DK" noProof="0" dirty="0"/>
              <a:t>7</a:t>
            </a:r>
          </a:p>
          <a:p>
            <a:pPr lvl="7"/>
            <a:r>
              <a:rPr lang="da-DK" noProof="0" dirty="0"/>
              <a:t>8</a:t>
            </a:r>
          </a:p>
          <a:p>
            <a:pPr lvl="8"/>
            <a:r>
              <a:rPr lang="da-DK" noProof="0" dirty="0"/>
              <a:t>9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B6072E60-7747-4DE1-BA7C-7DB988E35CEF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#›</a:t>
            </a:fld>
            <a:endParaRPr lang="da-DK" dirty="0"/>
          </a:p>
        </p:txBody>
      </p:sp>
      <p:pic>
        <p:nvPicPr>
          <p:cNvPr id="11" name="STUK logo">
            <a:extLst>
              <a:ext uri="{FF2B5EF4-FFF2-40B4-BE49-F238E27FC236}">
                <a16:creationId xmlns:a16="http://schemas.microsoft.com/office/drawing/2014/main" id="{465FD92E-75C0-4EDA-B82D-D46CB58081A5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9" y="543048"/>
            <a:ext cx="1854230" cy="729235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6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1786B506-04CA-4463-8543-A6D525A1ADA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449050" y="2818282"/>
            <a:ext cx="9223200" cy="2534767"/>
          </a:xfrm>
        </p:spPr>
        <p:txBody>
          <a:bodyPr/>
          <a:lstStyle/>
          <a:p>
            <a:r>
              <a:rPr lang="da-DK" dirty="0"/>
              <a:t>Nye elevfordelingsregler for ansøgere til skoleåret 2023/24</a:t>
            </a:r>
            <a:br>
              <a:rPr lang="da-DK" dirty="0"/>
            </a:br>
            <a:r>
              <a:rPr lang="da-DK" sz="2800" dirty="0"/>
              <a:t>Samba 10 - vejlederkonference den 4. november 2022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08F218-03AC-4515-BD5E-7F4BA7F1F0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256E3E-758D-4291-9C96-D81705B1535D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2" name="Pladsholder til slidenummer 1">
            <a:extLst>
              <a:ext uri="{FF2B5EF4-FFF2-40B4-BE49-F238E27FC236}">
                <a16:creationId xmlns:a16="http://schemas.microsoft.com/office/drawing/2014/main" id="{D59C4849-C7A3-4B0D-80F7-AEACFA18B9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rang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48" y="1363873"/>
            <a:ext cx="8470902" cy="4648390"/>
          </a:xfrm>
        </p:spPr>
        <p:txBody>
          <a:bodyPr/>
          <a:lstStyle/>
          <a:p>
            <a:pPr lvl="1"/>
            <a:r>
              <a:rPr lang="da-DK" dirty="0"/>
              <a:t>Institutionerne kan give forrang til ansøgere til*:</a:t>
            </a:r>
          </a:p>
          <a:p>
            <a:pPr lvl="2"/>
            <a:r>
              <a:rPr lang="da-DK" sz="1400" dirty="0"/>
              <a:t>ASF-klasser</a:t>
            </a:r>
          </a:p>
          <a:p>
            <a:pPr lvl="2"/>
            <a:r>
              <a:rPr lang="da-DK" sz="1400" dirty="0"/>
              <a:t>Kostpladser</a:t>
            </a:r>
          </a:p>
          <a:p>
            <a:pPr lvl="2"/>
            <a:r>
              <a:rPr lang="da-DK" sz="1400" dirty="0"/>
              <a:t>Særlige klasser (omfattet af § 61, stk. 1 eller 2)</a:t>
            </a:r>
          </a:p>
          <a:p>
            <a:pPr lvl="2"/>
            <a:r>
              <a:rPr lang="da-DK" sz="1400" dirty="0"/>
              <a:t>Forlængede forløb</a:t>
            </a:r>
          </a:p>
          <a:p>
            <a:pPr lvl="2"/>
            <a:r>
              <a:rPr lang="da-DK" sz="1400" dirty="0"/>
              <a:t>Profilgymnasier, som opfylder de særlige krav stillet af institutionen</a:t>
            </a:r>
          </a:p>
          <a:p>
            <a:pPr lvl="2"/>
            <a:r>
              <a:rPr lang="da-DK" sz="1400" dirty="0"/>
              <a:t>Med kommunal eliteidrætsstatus</a:t>
            </a:r>
          </a:p>
          <a:p>
            <a:pPr lvl="2"/>
            <a:r>
              <a:rPr lang="da-DK" sz="1400" dirty="0"/>
              <a:t>Forsøgsordninger (hvis det fremgår af forsøgsgodkendelsen, at der kan opnås forrang)</a:t>
            </a:r>
          </a:p>
          <a:p>
            <a:pPr lvl="2"/>
            <a:r>
              <a:rPr lang="da-DK" sz="1400" dirty="0" err="1"/>
              <a:t>Pre</a:t>
            </a:r>
            <a:r>
              <a:rPr lang="da-DK" sz="1400" dirty="0"/>
              <a:t>-IB</a:t>
            </a:r>
          </a:p>
          <a:p>
            <a:pPr lvl="2"/>
            <a:r>
              <a:rPr lang="da-DK" sz="1400" dirty="0"/>
              <a:t>IBB-Shippinglinjen på Niels Brock</a:t>
            </a:r>
          </a:p>
          <a:p>
            <a:pPr lvl="1"/>
            <a:r>
              <a:rPr lang="da-DK" dirty="0"/>
              <a:t>Regionerne giver forrang for ansøgere*:</a:t>
            </a:r>
          </a:p>
          <a:p>
            <a:pPr lvl="2"/>
            <a:r>
              <a:rPr lang="da-DK" sz="1400" dirty="0"/>
              <a:t>Med handicap</a:t>
            </a:r>
          </a:p>
          <a:p>
            <a:pPr lvl="2"/>
            <a:r>
              <a:rPr lang="da-DK" sz="1400" dirty="0"/>
              <a:t>Til sjældne studieretninger</a:t>
            </a:r>
          </a:p>
          <a:p>
            <a:pPr lvl="2"/>
            <a:r>
              <a:rPr lang="da-DK" sz="1400" dirty="0"/>
              <a:t>Til toårig hf på VUC (ansøgere på 20 år eller derover)</a:t>
            </a:r>
          </a:p>
          <a:p>
            <a:pPr lvl="1"/>
            <a:r>
              <a:rPr lang="da-DK" dirty="0"/>
              <a:t>Vurdering af forrang sker i optagelse.dk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>
          <a:xfrm>
            <a:off x="539748" y="6078738"/>
            <a:ext cx="8332788" cy="305987"/>
          </a:xfrm>
        </p:spPr>
        <p:txBody>
          <a:bodyPr/>
          <a:lstStyle/>
          <a:p>
            <a:r>
              <a:rPr lang="da-DK" dirty="0"/>
              <a:t>*Fremgår af udkast til ‘Bekendtgørelse om ansøgning til de gymnasiale uddannelser og forrang til visse ansøgere’, som har været i ekstern høring men ikke er udstedt endnu</a:t>
            </a:r>
          </a:p>
          <a:p>
            <a:endParaRPr lang="da-DK" dirty="0"/>
          </a:p>
        </p:txBody>
      </p:sp>
      <p:sp>
        <p:nvSpPr>
          <p:cNvPr id="8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1966727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2. marts</a:t>
            </a:r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4663299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25. marts</a:t>
            </a:r>
          </a:p>
        </p:txBody>
      </p:sp>
      <p:cxnSp>
        <p:nvCxnSpPr>
          <p:cNvPr id="10" name="Lige pilforbindelse 9"/>
          <p:cNvCxnSpPr/>
          <p:nvPr/>
        </p:nvCxnSpPr>
        <p:spPr>
          <a:xfrm>
            <a:off x="10694254" y="3069204"/>
            <a:ext cx="0" cy="1494845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231987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3. Behandling af ansøgning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2239008"/>
            <a:ext cx="8332789" cy="3312689"/>
          </a:xfrm>
        </p:spPr>
        <p:txBody>
          <a:bodyPr/>
          <a:lstStyle/>
          <a:p>
            <a:r>
              <a:rPr lang="da-DK" dirty="0"/>
              <a:t>STIL indhenter oplysninger om forældreindkomst fra SKAT for alle ansøgerne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STIL opgør transporttiden for alle ansøgerne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Hvis ansøgeren skal til optagelsesprøve i april, er det 1. prioritetsinstitutionen, der gennemfører optagelsesprøv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70595" y="2239008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. april</a:t>
            </a:r>
          </a:p>
        </p:txBody>
      </p:sp>
      <p:sp>
        <p:nvSpPr>
          <p:cNvPr id="10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4703300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. maj</a:t>
            </a:r>
          </a:p>
        </p:txBody>
      </p:sp>
      <p:cxnSp>
        <p:nvCxnSpPr>
          <p:cNvPr id="11" name="Lige pilforbindelse 10"/>
          <p:cNvCxnSpPr/>
          <p:nvPr/>
        </p:nvCxnSpPr>
        <p:spPr>
          <a:xfrm flipH="1">
            <a:off x="10670401" y="3347499"/>
            <a:ext cx="249" cy="1232452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004638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lysninger om forældreindkoms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Forældreindkomsten opgøres som:</a:t>
            </a:r>
          </a:p>
          <a:p>
            <a:pPr lvl="1"/>
            <a:r>
              <a:rPr lang="da-DK" dirty="0"/>
              <a:t>personlig indkomst (inkl. overskud fra selvstændig virksomhed og ekskl. førtidig udbetaling af feriemidler), positive nettokapitalindkomster og aktieindkomster ud over grundbeløbet</a:t>
            </a:r>
          </a:p>
          <a:p>
            <a:pPr marL="180000" lvl="1" indent="0">
              <a:buNone/>
            </a:pPr>
            <a:endParaRPr lang="da-DK" dirty="0"/>
          </a:p>
          <a:p>
            <a:pPr lvl="1"/>
            <a:r>
              <a:rPr lang="da-DK" dirty="0"/>
              <a:t>på grundlag af indkomstoplysninger for det indkomstår, som ligger to år forud for det skoleår, ansøgningen vedrører</a:t>
            </a:r>
          </a:p>
          <a:p>
            <a:pPr lvl="1"/>
            <a:endParaRPr lang="da-DK" dirty="0"/>
          </a:p>
          <a:p>
            <a:pPr lvl="1"/>
            <a:r>
              <a:rPr lang="da-DK" dirty="0"/>
              <a:t>et </a:t>
            </a:r>
            <a:r>
              <a:rPr lang="da-DK" u="sng" dirty="0"/>
              <a:t>gennemsnit</a:t>
            </a:r>
            <a:r>
              <a:rPr lang="da-DK" dirty="0"/>
              <a:t> af begge forældres indkomst (uanset om forældrene bor sammen med ansøgeren eller ej)</a:t>
            </a:r>
          </a:p>
          <a:p>
            <a:pPr lvl="1"/>
            <a:endParaRPr lang="da-DK" dirty="0"/>
          </a:p>
          <a:p>
            <a:pPr marL="180000" lvl="1" indent="0">
              <a:buNone/>
            </a:pP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da-DK" dirty="0"/>
              <a:t>Forældre: De registrerede forældre opgjort i CPR-registret</a:t>
            </a:r>
          </a:p>
          <a:p>
            <a:endParaRPr lang="da-DK" dirty="0"/>
          </a:p>
          <a:p>
            <a:r>
              <a:rPr lang="da-DK" dirty="0"/>
              <a:t>Hvis der ikke findes oplysninger om forældreindkomst, placeres ansøger i mellemindkomst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Ansøgere på 20 år eller derover placeres i mellemindkomstgrupp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781905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gørelse af transporttid og adress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fontAlgn="base"/>
            <a:r>
              <a:rPr lang="da-DK" dirty="0"/>
              <a:t>Transporttid:</a:t>
            </a:r>
          </a:p>
          <a:p>
            <a:pPr lvl="1" fontAlgn="base"/>
            <a:r>
              <a:rPr lang="da-DK" dirty="0"/>
              <a:t>Rejsetid fra ansøgerens bopæl til institutionens adresse med enten </a:t>
            </a:r>
            <a:r>
              <a:rPr lang="da-DK" u="sng" dirty="0"/>
              <a:t>offentlig transport</a:t>
            </a:r>
            <a:r>
              <a:rPr lang="da-DK" dirty="0"/>
              <a:t> eller </a:t>
            </a:r>
            <a:r>
              <a:rPr lang="da-DK" u="sng" dirty="0"/>
              <a:t>cykel</a:t>
            </a:r>
            <a:r>
              <a:rPr lang="da-DK" dirty="0"/>
              <a:t> i hele minutter</a:t>
            </a:r>
          </a:p>
          <a:p>
            <a:pPr marL="180000" lvl="1" indent="0" fontAlgn="base">
              <a:buNone/>
            </a:pPr>
            <a:endParaRPr lang="da-DK" dirty="0"/>
          </a:p>
          <a:p>
            <a:pPr lvl="1" fontAlgn="base"/>
            <a:r>
              <a:rPr lang="da-DK" dirty="0"/>
              <a:t>Beregnes som en samlet rejsetid fra ansøgeren forlader sin adresse til ansøgeren er nået frem til institutionens adresse, inklusiv ventetid undervejs</a:t>
            </a:r>
          </a:p>
          <a:p>
            <a:pPr marL="180000" lvl="1" indent="0" fontAlgn="base">
              <a:buNone/>
            </a:pPr>
            <a:endParaRPr lang="da-DK" dirty="0"/>
          </a:p>
          <a:p>
            <a:pPr lvl="1" fontAlgn="base"/>
            <a:r>
              <a:rPr lang="da-DK" dirty="0"/>
              <a:t>Den korteste transporttid af de to transportformer lægges til grund for opgørelsen af den maksimale transporttid og ved elevfordeling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7CE3BA2-8077-46DF-8B00-D1A649781352}" type="datetime2">
              <a:rPr lang="da-DK" noProof="0" smtClean="0"/>
              <a:t>6. november 2022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6" name="Pladsholder til indhold 5"/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r>
              <a:rPr lang="da-DK" dirty="0"/>
              <a:t>Ansøgers adresse i CPR-registret lægges til grund for beregningen af transporttid</a:t>
            </a:r>
          </a:p>
          <a:p>
            <a:r>
              <a:rPr lang="da-DK" dirty="0"/>
              <a:t>Der fastsættes nærmere regler i bekendtgørelse</a:t>
            </a: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3227" y="3496827"/>
            <a:ext cx="2762497" cy="28211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5912572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4. Central </a:t>
            </a:r>
            <a:r>
              <a:rPr lang="da-DK" dirty="0" err="1"/>
              <a:t>elevfordel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1474639"/>
            <a:ext cx="8332789" cy="4876733"/>
          </a:xfrm>
        </p:spPr>
        <p:txBody>
          <a:bodyPr/>
          <a:lstStyle/>
          <a:p>
            <a:r>
              <a:rPr lang="da-DK" dirty="0"/>
              <a:t>Fordelingsmekanismen fordeler alle ansøgere, der har søgt senest 1. marts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Ansøgerens prioriteter afprøves i den rækkefølge, som ansøger har prioriteret, indtil ansøger får reserveret en plads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Har 1. prioritetsinstitutionen plads til alle ansøgere:</a:t>
            </a:r>
          </a:p>
          <a:p>
            <a:pPr lvl="1"/>
            <a:r>
              <a:rPr lang="da-DK" dirty="0"/>
              <a:t>får alle ansøgere reserveret en plads (i fordelingszoner skal der være plads i ansøgerens indkomstgruppe)</a:t>
            </a:r>
          </a:p>
          <a:p>
            <a:pPr marL="180000" lvl="1" indent="0">
              <a:buNone/>
            </a:pPr>
            <a:endParaRPr lang="da-DK" dirty="0"/>
          </a:p>
          <a:p>
            <a:r>
              <a:rPr lang="da-DK" dirty="0"/>
              <a:t>Har 1. prioritetsinstitutionen flere ansøgere end pladser:</a:t>
            </a:r>
          </a:p>
          <a:p>
            <a:pPr lvl="1"/>
            <a:r>
              <a:rPr lang="da-DK" dirty="0"/>
              <a:t>er det ansøgere med kortest transporttid, der først får plads (efter ansøgere med forrang)</a:t>
            </a:r>
          </a:p>
          <a:p>
            <a:endParaRPr lang="da-DK" dirty="0"/>
          </a:p>
          <a:p>
            <a:pPr lvl="1"/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cxnSp>
        <p:nvCxnSpPr>
          <p:cNvPr id="9" name="Lige pilforbindelse 8"/>
          <p:cNvCxnSpPr/>
          <p:nvPr/>
        </p:nvCxnSpPr>
        <p:spPr>
          <a:xfrm>
            <a:off x="10670400" y="3188473"/>
            <a:ext cx="0" cy="1494845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2070094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. maj</a:t>
            </a:r>
          </a:p>
        </p:txBody>
      </p:sp>
      <p:sp>
        <p:nvSpPr>
          <p:cNvPr id="12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4759571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5. maj</a:t>
            </a:r>
          </a:p>
        </p:txBody>
      </p:sp>
    </p:spTree>
    <p:extLst>
      <p:ext uri="{BB962C8B-B14F-4D97-AF65-F5344CB8AC3E}">
        <p14:creationId xmlns:p14="http://schemas.microsoft.com/office/powerpoint/2010/main" val="286106615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ådan foregår fordelinge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16182" y="1740795"/>
            <a:ext cx="5018400" cy="2259705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Annas prioriteter:</a:t>
            </a:r>
          </a:p>
          <a:p>
            <a:pPr marL="457200" indent="-457200">
              <a:buAutoNum type="arabicParenR"/>
            </a:pPr>
            <a:r>
              <a:rPr lang="da-DK" dirty="0"/>
              <a:t>htx på Institution X</a:t>
            </a:r>
          </a:p>
          <a:p>
            <a:pPr marL="457200" indent="-457200">
              <a:buAutoNum type="arabicParenR"/>
            </a:pPr>
            <a:r>
              <a:rPr lang="da-DK" dirty="0" err="1"/>
              <a:t>stx</a:t>
            </a:r>
            <a:r>
              <a:rPr lang="da-DK" dirty="0"/>
              <a:t> på Institution Y</a:t>
            </a:r>
          </a:p>
          <a:p>
            <a:pPr marL="457200" indent="-457200">
              <a:buAutoNum type="arabicParenR"/>
            </a:pPr>
            <a:r>
              <a:rPr lang="da-DK" dirty="0"/>
              <a:t>htx på Institution Z</a:t>
            </a:r>
          </a:p>
          <a:p>
            <a:pPr marL="457200" indent="-457200">
              <a:buAutoNum type="arabicParenR"/>
            </a:pPr>
            <a:r>
              <a:rPr lang="da-DK" dirty="0"/>
              <a:t>hhx på Institution V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>
          <a:xfrm>
            <a:off x="6594161" y="1474640"/>
            <a:ext cx="5018400" cy="5156560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Fordelingen på Institution X:</a:t>
            </a:r>
          </a:p>
          <a:p>
            <a:pPr marL="457200" indent="-457200">
              <a:buAutoNum type="arabicParenR"/>
            </a:pPr>
            <a:r>
              <a:rPr lang="da-DK" sz="1600" dirty="0"/>
              <a:t>Fordeling af evt. ansøgere med forrang til 1. prioritet</a:t>
            </a:r>
          </a:p>
          <a:p>
            <a:pPr marL="457200" indent="-457200">
              <a:buAutoNum type="arabicParenR"/>
            </a:pPr>
            <a:r>
              <a:rPr lang="da-DK" sz="1600" dirty="0"/>
              <a:t>Fordeling af 1. prioritetsansøgere: Anna får plads, hvis hun er blandt ansøgere med kortest transporttid (med mindre der er plads til alle 1. prioritetsansøgere)</a:t>
            </a:r>
          </a:p>
          <a:p>
            <a:pPr marL="0" indent="0">
              <a:buNone/>
            </a:pPr>
            <a:r>
              <a:rPr lang="da-DK" dirty="0"/>
              <a:t>Fordelingen på Institution Y:</a:t>
            </a:r>
          </a:p>
          <a:p>
            <a:pPr marL="457200" indent="-457200">
              <a:buFont typeface="Arial" panose="020B0604020202020204" pitchFamily="34" charset="0"/>
              <a:buAutoNum type="arabicParenR"/>
            </a:pPr>
            <a:r>
              <a:rPr lang="da-DK" sz="1600" dirty="0"/>
              <a:t>Fordeling af evt. ansøgere med forrang</a:t>
            </a:r>
          </a:p>
          <a:p>
            <a:pPr marL="457200" indent="-457200">
              <a:buFont typeface="Arial" panose="020B0604020202020204" pitchFamily="34" charset="0"/>
              <a:buAutoNum type="arabicParenR"/>
            </a:pPr>
            <a:r>
              <a:rPr lang="da-DK" sz="1600" dirty="0"/>
              <a:t>Fordeling af 1. prioritetsansøgere</a:t>
            </a:r>
          </a:p>
          <a:p>
            <a:pPr marL="457200" indent="-457200">
              <a:buFont typeface="Arial" panose="020B0604020202020204" pitchFamily="34" charset="0"/>
              <a:buAutoNum type="arabicParenR"/>
            </a:pPr>
            <a:r>
              <a:rPr lang="da-DK" sz="1600" dirty="0"/>
              <a:t>Fordeling af evt. ansøgere med forrang til 2. prioritet</a:t>
            </a:r>
          </a:p>
          <a:p>
            <a:pPr marL="457200" indent="-457200">
              <a:buFont typeface="Arial" panose="020B0604020202020204" pitchFamily="34" charset="0"/>
              <a:buAutoNum type="arabicParenR"/>
            </a:pPr>
            <a:r>
              <a:rPr lang="da-DK" sz="1600" dirty="0"/>
              <a:t>Fordeling af 2. prioritetsansøgere: Anna får plads, hvis hun er blandt ansøgere med kortest transporttid (med mindre der er plads til alle 2. prioritetsansøgere)</a:t>
            </a:r>
          </a:p>
          <a:p>
            <a:pPr marL="457200" indent="-457200">
              <a:buFont typeface="Arial" panose="020B0604020202020204" pitchFamily="34" charset="0"/>
              <a:buAutoNum type="arabicParenR"/>
            </a:pPr>
            <a:endParaRPr lang="da-DK" sz="1600" dirty="0"/>
          </a:p>
          <a:p>
            <a:pPr marL="0" indent="0">
              <a:buNone/>
            </a:pPr>
            <a:endParaRPr lang="da-DK" sz="1600" dirty="0"/>
          </a:p>
          <a:p>
            <a:pPr marL="0" indent="0">
              <a:buNone/>
            </a:pPr>
            <a:r>
              <a:rPr lang="da-DK" dirty="0"/>
              <a:t>	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cxnSp>
        <p:nvCxnSpPr>
          <p:cNvPr id="10" name="Lige pilforbindelse 9"/>
          <p:cNvCxnSpPr/>
          <p:nvPr/>
        </p:nvCxnSpPr>
        <p:spPr>
          <a:xfrm flipV="1">
            <a:off x="3601296" y="2045043"/>
            <a:ext cx="2831309" cy="319930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Lige pilforbindelse 10"/>
          <p:cNvCxnSpPr/>
          <p:nvPr/>
        </p:nvCxnSpPr>
        <p:spPr>
          <a:xfrm>
            <a:off x="3656902" y="2824706"/>
            <a:ext cx="2848930" cy="1495167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Billede 11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6182" y="4090636"/>
            <a:ext cx="3470459" cy="19521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297299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ere, der ikke får opfyldt deres priorite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2405207"/>
            <a:ext cx="8332789" cy="3859669"/>
          </a:xfrm>
        </p:spPr>
        <p:txBody>
          <a:bodyPr/>
          <a:lstStyle/>
          <a:p>
            <a:r>
              <a:rPr lang="da-DK" dirty="0"/>
              <a:t>Kan blive fordelt til en institution, som de ikke har ønsket, men ikke:</a:t>
            </a:r>
          </a:p>
          <a:p>
            <a:pPr lvl="1"/>
            <a:r>
              <a:rPr lang="da-DK" dirty="0"/>
              <a:t>til en institution, hvor transporttiden fra bopæl til institutionen overstiger 45 minutter eller</a:t>
            </a:r>
          </a:p>
          <a:p>
            <a:pPr lvl="1"/>
            <a:r>
              <a:rPr lang="da-DK" dirty="0"/>
              <a:t>til en uddannelse, som de ikke har søgt</a:t>
            </a:r>
          </a:p>
          <a:p>
            <a:r>
              <a:rPr lang="da-DK" dirty="0"/>
              <a:t>Fordelingsmekanismen vil forsøge at fordele ansøgeren til:</a:t>
            </a:r>
          </a:p>
          <a:p>
            <a:pPr lvl="1"/>
            <a:r>
              <a:rPr lang="da-DK" dirty="0"/>
              <a:t>den uddannelse, som ansøgeren havde som sin 1. prioritet</a:t>
            </a:r>
          </a:p>
          <a:p>
            <a:pPr lvl="1"/>
            <a:r>
              <a:rPr lang="da-DK" dirty="0"/>
              <a:t>på en institution med ledige pladser</a:t>
            </a:r>
          </a:p>
          <a:p>
            <a:pPr lvl="1"/>
            <a:r>
              <a:rPr lang="da-DK" dirty="0"/>
              <a:t>inden for 45 minutters transporttid</a:t>
            </a:r>
          </a:p>
          <a:p>
            <a:r>
              <a:rPr lang="da-DK" dirty="0"/>
              <a:t>Hvis det ikke er muligt, skal regionen finde en plads til ansøgeren </a:t>
            </a:r>
          </a:p>
          <a:p>
            <a:pPr lvl="1"/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19358" y="3449768"/>
            <a:ext cx="2258690" cy="12705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49736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5. Regionernes fordeling af </a:t>
            </a:r>
            <a:r>
              <a:rPr lang="da-DK" dirty="0" err="1"/>
              <a:t>ufordelte</a:t>
            </a:r>
            <a:r>
              <a:rPr lang="da-DK" dirty="0"/>
              <a:t> ansøgere</a:t>
            </a:r>
            <a:br>
              <a:rPr lang="da-DK" dirty="0"/>
            </a:br>
            <a:endParaRPr lang="da-DK" sz="24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49558" y="2313727"/>
            <a:ext cx="8332789" cy="3519123"/>
          </a:xfrm>
        </p:spPr>
        <p:txBody>
          <a:bodyPr/>
          <a:lstStyle/>
          <a:p>
            <a:r>
              <a:rPr lang="da-DK" dirty="0"/>
              <a:t>Regionen undersøger, om der er ledig plads på:</a:t>
            </a:r>
          </a:p>
          <a:p>
            <a:pPr lvl="1"/>
            <a:r>
              <a:rPr lang="da-DK" dirty="0"/>
              <a:t>en af ansøgerens prioriterede institutioner </a:t>
            </a:r>
            <a:r>
              <a:rPr lang="da-DK" u="sng" dirty="0"/>
              <a:t>eller</a:t>
            </a:r>
            <a:r>
              <a:rPr lang="da-DK" dirty="0"/>
              <a:t> </a:t>
            </a:r>
          </a:p>
          <a:p>
            <a:pPr lvl="1"/>
            <a:r>
              <a:rPr lang="da-DK" dirty="0"/>
              <a:t>på samme uddannelse som ansøgerens 1. prioritet på en institution med kortest transporttid inden for maksimalt 45 minutters transporttid</a:t>
            </a:r>
          </a:p>
          <a:p>
            <a:pPr lvl="1"/>
            <a:endParaRPr lang="da-DK" dirty="0"/>
          </a:p>
          <a:p>
            <a:r>
              <a:rPr lang="da-DK" dirty="0"/>
              <a:t>JA: Ansøgeren får en plads</a:t>
            </a:r>
          </a:p>
          <a:p>
            <a:r>
              <a:rPr lang="da-DK" dirty="0"/>
              <a:t>NEJ: Regionen skal hæve kapaciteten på ansøgerens 1. prioriterede uddannelse på den institution, hvor ansøgeren får kortest transporttid </a:t>
            </a:r>
          </a:p>
          <a:p>
            <a:pPr marL="0" indent="0">
              <a:buNone/>
            </a:pPr>
            <a:endParaRPr lang="da-DK" sz="1600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8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08920" y="2207202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5. maj</a:t>
            </a:r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24105" y="4688009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25. maj</a:t>
            </a:r>
          </a:p>
        </p:txBody>
      </p:sp>
      <p:cxnSp>
        <p:nvCxnSpPr>
          <p:cNvPr id="10" name="Lige pilforbindelse 9"/>
          <p:cNvCxnSpPr/>
          <p:nvPr/>
        </p:nvCxnSpPr>
        <p:spPr>
          <a:xfrm>
            <a:off x="10653826" y="3433333"/>
            <a:ext cx="1" cy="1121134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2607220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41475" y="539750"/>
            <a:ext cx="8570720" cy="934890"/>
          </a:xfrm>
        </p:spPr>
        <p:txBody>
          <a:bodyPr/>
          <a:lstStyle/>
          <a:p>
            <a:r>
              <a:rPr lang="da-DK" dirty="0"/>
              <a:t>5. Regionernes fordeling af </a:t>
            </a:r>
            <a:r>
              <a:rPr lang="da-DK" dirty="0" err="1"/>
              <a:t>eftertilmeldere</a:t>
            </a:r>
            <a:endParaRPr lang="da-DK" sz="2400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Regionen fordeler ansøgere, der ikke har indgået i den centrale </a:t>
            </a:r>
            <a:r>
              <a:rPr lang="da-DK" dirty="0" err="1"/>
              <a:t>elevfordeling</a:t>
            </a:r>
            <a:endParaRPr lang="da-DK" dirty="0"/>
          </a:p>
          <a:p>
            <a:r>
              <a:rPr lang="da-DK" dirty="0"/>
              <a:t>Ansøgerne fordeles så vidt muligt til ledige pladser på</a:t>
            </a:r>
          </a:p>
          <a:p>
            <a:pPr lvl="1"/>
            <a:r>
              <a:rPr lang="da-DK" dirty="0"/>
              <a:t>en af ansøgerens prioriterede uddannelsesønsker eller</a:t>
            </a:r>
          </a:p>
          <a:p>
            <a:pPr lvl="1"/>
            <a:r>
              <a:rPr lang="da-DK" dirty="0"/>
              <a:t>den uddannelse, som ansøgeren havde som 1. prioritet på en institution inden for 45 minutters transporttid</a:t>
            </a:r>
          </a:p>
          <a:p>
            <a:r>
              <a:rPr lang="da-DK" dirty="0"/>
              <a:t>Regionerne </a:t>
            </a:r>
            <a:r>
              <a:rPr lang="da-DK" u="sng" dirty="0"/>
              <a:t>kan</a:t>
            </a:r>
            <a:r>
              <a:rPr lang="da-DK" dirty="0"/>
              <a:t> tage hensyn til ansøgerens prioriteter, men ansøger er ikke garanteret plads på en ønsket institution</a:t>
            </a:r>
          </a:p>
          <a:p>
            <a:r>
              <a:rPr lang="da-DK" dirty="0"/>
              <a:t>Det tilstræbes, at ansøgere på 20 år eller derover, der søger VUC, får plads på VUC</a:t>
            </a:r>
          </a:p>
          <a:p>
            <a:r>
              <a:rPr lang="da-DK" dirty="0"/>
              <a:t>Fordelingen af disse ansøgere kan tidligst ske fra primo juni til og med første uge af november</a:t>
            </a:r>
          </a:p>
          <a:p>
            <a:pPr marL="0" indent="0">
              <a:buNone/>
            </a:pPr>
            <a:endParaRPr lang="da-DK" dirty="0"/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8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08920" y="2207202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Primo juni</a:t>
            </a:r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24105" y="4688009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Primo november</a:t>
            </a:r>
          </a:p>
        </p:txBody>
      </p:sp>
      <p:cxnSp>
        <p:nvCxnSpPr>
          <p:cNvPr id="10" name="Lige pilforbindelse 9"/>
          <p:cNvCxnSpPr/>
          <p:nvPr/>
        </p:nvCxnSpPr>
        <p:spPr>
          <a:xfrm>
            <a:off x="10670399" y="3458817"/>
            <a:ext cx="1" cy="1121134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21868379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6. Pladsreservation og optagels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456145" y="1690271"/>
            <a:ext cx="8332789" cy="4386569"/>
          </a:xfrm>
        </p:spPr>
        <p:txBody>
          <a:bodyPr/>
          <a:lstStyle/>
          <a:p>
            <a:r>
              <a:rPr lang="da-DK" dirty="0"/>
              <a:t>Institutionerne:</a:t>
            </a:r>
          </a:p>
          <a:p>
            <a:pPr lvl="1"/>
            <a:r>
              <a:rPr lang="da-DK" dirty="0"/>
              <a:t>får besked om, hvilke ansøgere de får (ca. 25./26. maj)</a:t>
            </a:r>
          </a:p>
          <a:p>
            <a:pPr lvl="1"/>
            <a:r>
              <a:rPr lang="da-DK" dirty="0"/>
              <a:t>giver herefter ansøgerne besked om pladsreservation (senest 1. juni)</a:t>
            </a:r>
          </a:p>
          <a:p>
            <a:pPr lvl="1"/>
            <a:r>
              <a:rPr lang="da-DK" dirty="0"/>
              <a:t>vurderer, om ansøgerne opfylder adgangskrav</a:t>
            </a:r>
          </a:p>
          <a:p>
            <a:pPr lvl="1"/>
            <a:r>
              <a:rPr lang="da-DK" dirty="0"/>
              <a:t>afholder evt. optagelsesprøver</a:t>
            </a:r>
          </a:p>
          <a:p>
            <a:pPr lvl="1"/>
            <a:r>
              <a:rPr lang="da-DK" dirty="0"/>
              <a:t>giver ansøgere besked om optagelse</a:t>
            </a:r>
          </a:p>
          <a:p>
            <a:pPr lvl="1"/>
            <a:endParaRPr lang="da-DK" dirty="0"/>
          </a:p>
          <a:p>
            <a:r>
              <a:rPr lang="da-DK" dirty="0"/>
              <a:t>Ansøgerne får adgang til den opgjorte transporttid, der er lagt til grund for fordelingen</a:t>
            </a:r>
          </a:p>
          <a:p>
            <a:r>
              <a:rPr lang="da-DK" dirty="0"/>
              <a:t>Forældre får adgang til oplysninger om forældreindkomst, der er lagt til grund for fordelingen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004835" y="2477546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Maj/juni</a:t>
            </a:r>
          </a:p>
        </p:txBody>
      </p:sp>
    </p:spTree>
    <p:extLst>
      <p:ext uri="{BB962C8B-B14F-4D97-AF65-F5344CB8AC3E}">
        <p14:creationId xmlns:p14="http://schemas.microsoft.com/office/powerpoint/2010/main" val="354533478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dhold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2273800"/>
            <a:ext cx="8332789" cy="3745565"/>
          </a:xfrm>
        </p:spPr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da-DK" dirty="0"/>
              <a:t>Zoner og kapacitet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Ansøgning, prioriteter og forrang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Behandling af ansøgninger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Central </a:t>
            </a:r>
            <a:r>
              <a:rPr lang="da-DK" dirty="0" err="1"/>
              <a:t>elevfordeling</a:t>
            </a: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Regionernes fordeling af ansøgere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Pladsreservation og optagelse</a:t>
            </a:r>
          </a:p>
          <a:p>
            <a:pPr marL="457200" indent="-457200">
              <a:buFont typeface="+mj-lt"/>
              <a:buAutoNum type="arabicPeriod"/>
            </a:pPr>
            <a:r>
              <a:rPr lang="da-DK" dirty="0"/>
              <a:t>Genoptagelse og klage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8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07234" y="2080800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Efterår 2022</a:t>
            </a:r>
          </a:p>
        </p:txBody>
      </p: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07234" y="4584032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Sommer 2023</a:t>
            </a:r>
          </a:p>
        </p:txBody>
      </p:sp>
      <p:cxnSp>
        <p:nvCxnSpPr>
          <p:cNvPr id="10" name="Lige pilforbindelse 9"/>
          <p:cNvCxnSpPr/>
          <p:nvPr/>
        </p:nvCxnSpPr>
        <p:spPr>
          <a:xfrm>
            <a:off x="10614740" y="3172571"/>
            <a:ext cx="0" cy="1327867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56535713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7. Genoptagelse og klag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2079981"/>
            <a:ext cx="8332789" cy="3740828"/>
          </a:xfrm>
        </p:spPr>
        <p:txBody>
          <a:bodyPr/>
          <a:lstStyle/>
          <a:p>
            <a:r>
              <a:rPr lang="da-DK" dirty="0"/>
              <a:t>Ansøgeren kan bede regionsrådet genbehandle ansøgningen, hvis ansøgeren ikke mener, at proceduren er fulgt korrekt (senest 10 dage efter modtagelse af pladsreservation)</a:t>
            </a:r>
          </a:p>
          <a:p>
            <a:pPr marL="0" indent="0">
              <a:buNone/>
            </a:pPr>
            <a:endParaRPr lang="da-DK" dirty="0"/>
          </a:p>
          <a:p>
            <a:r>
              <a:rPr lang="da-DK" dirty="0"/>
              <a:t>Ansøgeren kan påklage regionsrådets afgørelse om den reserverede plads til BUVM</a:t>
            </a:r>
          </a:p>
          <a:p>
            <a:pPr lvl="1"/>
            <a:r>
              <a:rPr lang="da-DK" dirty="0"/>
              <a:t>Klagen skal indgives til regionsrådet, der vurderer om der er grundlag for medhold (senest 10 dage efter modtagelsen af klagen)</a:t>
            </a:r>
          </a:p>
          <a:p>
            <a:pPr lvl="1"/>
            <a:r>
              <a:rPr lang="da-DK" dirty="0"/>
              <a:t>Hvis klagen ikke imødekommes fuldt ud, kan ansøgeren indsende klagen til BUVM (senest seks dage efter indgivelse af klagen)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0</a:t>
            </a:fld>
            <a:endParaRPr lang="da-DK" dirty="0"/>
          </a:p>
        </p:txBody>
      </p:sp>
      <p:cxnSp>
        <p:nvCxnSpPr>
          <p:cNvPr id="8" name="Lige pilforbindelse 7"/>
          <p:cNvCxnSpPr/>
          <p:nvPr/>
        </p:nvCxnSpPr>
        <p:spPr>
          <a:xfrm>
            <a:off x="10670400" y="3085106"/>
            <a:ext cx="0" cy="1494845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24105" y="2079981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Primo juni</a:t>
            </a:r>
          </a:p>
        </p:txBody>
      </p:sp>
      <p:sp>
        <p:nvSpPr>
          <p:cNvPr id="10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24105" y="4767522"/>
            <a:ext cx="1092589" cy="1092589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Juli</a:t>
            </a:r>
          </a:p>
        </p:txBody>
      </p:sp>
    </p:spTree>
    <p:extLst>
      <p:ext uri="{BB962C8B-B14F-4D97-AF65-F5344CB8AC3E}">
        <p14:creationId xmlns:p14="http://schemas.microsoft.com/office/powerpoint/2010/main" val="421995942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formation om </a:t>
            </a:r>
            <a:r>
              <a:rPr lang="da-DK" dirty="0" err="1"/>
              <a:t>elevfordel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uvm.dk/</a:t>
            </a:r>
            <a:r>
              <a:rPr lang="da-DK" dirty="0" err="1"/>
              <a:t>elevfordeling</a:t>
            </a:r>
            <a:endParaRPr lang="da-DK" dirty="0"/>
          </a:p>
          <a:p>
            <a:pPr lvl="1"/>
            <a:r>
              <a:rPr lang="da-DK" dirty="0"/>
              <a:t>Informationsfilm om </a:t>
            </a:r>
            <a:r>
              <a:rPr lang="da-DK" dirty="0" err="1"/>
              <a:t>elevfordeling</a:t>
            </a:r>
            <a:endParaRPr lang="da-DK" dirty="0"/>
          </a:p>
          <a:p>
            <a:pPr lvl="1"/>
            <a:r>
              <a:rPr lang="da-DK" dirty="0"/>
              <a:t>Beskrivelse af </a:t>
            </a:r>
            <a:r>
              <a:rPr lang="da-DK" dirty="0" err="1"/>
              <a:t>elevfordeling</a:t>
            </a:r>
            <a:endParaRPr lang="da-DK" dirty="0"/>
          </a:p>
          <a:p>
            <a:pPr lvl="1"/>
            <a:r>
              <a:rPr lang="da-DK" dirty="0"/>
              <a:t>Spørgsmål/svar</a:t>
            </a:r>
          </a:p>
          <a:p>
            <a:r>
              <a:rPr lang="da-DK" dirty="0"/>
              <a:t>Ug.dk/</a:t>
            </a:r>
            <a:r>
              <a:rPr lang="da-DK" dirty="0" err="1"/>
              <a:t>elevfordeling</a:t>
            </a:r>
            <a:endParaRPr lang="da-DK" dirty="0"/>
          </a:p>
          <a:p>
            <a:pPr lvl="1"/>
            <a:r>
              <a:rPr lang="da-DK" dirty="0"/>
              <a:t>Informationsfilm om afstands- og fordelingszoner</a:t>
            </a:r>
          </a:p>
          <a:p>
            <a:pPr lvl="1"/>
            <a:r>
              <a:rPr lang="da-DK" dirty="0"/>
              <a:t>Beskrivelse af </a:t>
            </a:r>
            <a:r>
              <a:rPr lang="da-DK" dirty="0" err="1"/>
              <a:t>elevfordeling</a:t>
            </a:r>
            <a:r>
              <a:rPr lang="da-DK" dirty="0"/>
              <a:t> rettet mod ansøgere</a:t>
            </a:r>
          </a:p>
          <a:p>
            <a:pPr lvl="1"/>
            <a:r>
              <a:rPr lang="da-DK" dirty="0"/>
              <a:t>Danmarkskort med zoner (ug.dk/gymnasiekortet) </a:t>
            </a:r>
          </a:p>
          <a:p>
            <a:r>
              <a:rPr lang="da-DK" dirty="0"/>
              <a:t>Udsendelse af materialer (sker snarest)</a:t>
            </a:r>
          </a:p>
          <a:p>
            <a:pPr lvl="1"/>
            <a:r>
              <a:rPr lang="da-DK" dirty="0"/>
              <a:t>Gennemgang af regler</a:t>
            </a:r>
          </a:p>
          <a:p>
            <a:pPr lvl="1"/>
            <a:r>
              <a:rPr lang="da-DK" dirty="0"/>
              <a:t>Oversigt over lovgrundlag samt regler før og nu</a:t>
            </a:r>
          </a:p>
          <a:p>
            <a:pPr lvl="1"/>
            <a:r>
              <a:rPr lang="da-DK" dirty="0"/>
              <a:t>Plakat og pjece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57965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Lovgrundlag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Lovforslag med ikrafttrædelse den 1. juli 2022 og indarbejdet i:</a:t>
            </a:r>
          </a:p>
          <a:p>
            <a:pPr lvl="1"/>
            <a:r>
              <a:rPr lang="da-DK" dirty="0"/>
              <a:t>Lov om institutioner for almengymnasiale uddannelser og almen voksen uddannelse mv.</a:t>
            </a:r>
          </a:p>
          <a:p>
            <a:pPr lvl="1"/>
            <a:r>
              <a:rPr lang="da-DK" dirty="0"/>
              <a:t>Lov om institutioner for erhvervsrettet uddannelse</a:t>
            </a:r>
          </a:p>
          <a:p>
            <a:pPr lvl="1"/>
            <a:r>
              <a:rPr lang="da-DK" dirty="0"/>
              <a:t>Lov om de gymnasiale uddannelser</a:t>
            </a:r>
          </a:p>
          <a:p>
            <a:r>
              <a:rPr lang="da-DK" dirty="0"/>
              <a:t>Bekendtgørelser:</a:t>
            </a:r>
          </a:p>
          <a:p>
            <a:pPr lvl="1"/>
            <a:r>
              <a:rPr lang="da-DK" dirty="0"/>
              <a:t>Bekendtgørelse om kapacitetsfastsættelse, zoner og profilgymnasier for de gymnasiale uddannelser (trådt i kraft den 1. september 2022)</a:t>
            </a:r>
          </a:p>
          <a:p>
            <a:pPr lvl="1"/>
            <a:r>
              <a:rPr lang="da-DK" dirty="0"/>
              <a:t>Bekendtgørelse om ansøgning til gymnasiale uddannelser og forrang til visse ansøgere (ikke udstedt)</a:t>
            </a:r>
          </a:p>
          <a:p>
            <a:pPr lvl="1"/>
            <a:r>
              <a:rPr lang="da-DK" dirty="0"/>
              <a:t>Bekendtgørelse om </a:t>
            </a:r>
            <a:r>
              <a:rPr lang="da-DK" dirty="0" err="1"/>
              <a:t>elevfordeling</a:t>
            </a:r>
            <a:r>
              <a:rPr lang="da-DK" dirty="0"/>
              <a:t>, transporttid og optagelse på de gymnasiale uddannelser (ikke udsendt i høring)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512259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idslinj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D02A78-D539-461A-B021-0F0A3DC9711E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cxnSp>
        <p:nvCxnSpPr>
          <p:cNvPr id="5" name="Straight Arrow Connector 20">
            <a:extLst>
              <a:ext uri="{FF2B5EF4-FFF2-40B4-BE49-F238E27FC236}">
                <a16:creationId xmlns:a16="http://schemas.microsoft.com/office/drawing/2014/main" id="{D957A954-5FA0-4D38-B6A2-C9F362163AD8}"/>
              </a:ext>
            </a:extLst>
          </p:cNvPr>
          <p:cNvCxnSpPr>
            <a:cxnSpLocks/>
          </p:cNvCxnSpPr>
          <p:nvPr/>
        </p:nvCxnSpPr>
        <p:spPr>
          <a:xfrm>
            <a:off x="1090394" y="3975144"/>
            <a:ext cx="10102442" cy="0"/>
          </a:xfrm>
          <a:prstGeom prst="straightConnector1">
            <a:avLst/>
          </a:prstGeom>
          <a:ln w="9525" cmpd="sng">
            <a:solidFill>
              <a:srgbClr val="007A98"/>
            </a:solidFill>
            <a:headEnd type="none"/>
            <a:tailEnd type="arrow" w="lg" len="med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632392" y="3578573"/>
            <a:ext cx="832871" cy="77874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Februar</a:t>
            </a:r>
          </a:p>
        </p:txBody>
      </p:sp>
      <p:sp>
        <p:nvSpPr>
          <p:cNvPr id="7" name="Oval 14">
            <a:extLst>
              <a:ext uri="{FF2B5EF4-FFF2-40B4-BE49-F238E27FC236}">
                <a16:creationId xmlns:a16="http://schemas.microsoft.com/office/drawing/2014/main" id="{C2101871-7731-4E08-8714-3582E0FFDFFD}"/>
              </a:ext>
            </a:extLst>
          </p:cNvPr>
          <p:cNvSpPr>
            <a:spLocks noChangeAspect="1"/>
          </p:cNvSpPr>
          <p:nvPr/>
        </p:nvSpPr>
        <p:spPr>
          <a:xfrm>
            <a:off x="4426079" y="3593779"/>
            <a:ext cx="753612" cy="7536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April</a:t>
            </a:r>
          </a:p>
        </p:txBody>
      </p:sp>
      <p:sp>
        <p:nvSpPr>
          <p:cNvPr id="8" name="Oval 15">
            <a:extLst>
              <a:ext uri="{FF2B5EF4-FFF2-40B4-BE49-F238E27FC236}">
                <a16:creationId xmlns:a16="http://schemas.microsoft.com/office/drawing/2014/main" id="{E9338FF4-BF68-411E-88A8-4AF05AA22D4A}"/>
              </a:ext>
            </a:extLst>
          </p:cNvPr>
          <p:cNvSpPr>
            <a:spLocks noChangeAspect="1"/>
          </p:cNvSpPr>
          <p:nvPr/>
        </p:nvSpPr>
        <p:spPr>
          <a:xfrm>
            <a:off x="6309484" y="3593779"/>
            <a:ext cx="753612" cy="7536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Maj</a:t>
            </a:r>
          </a:p>
        </p:txBody>
      </p:sp>
      <p:sp>
        <p:nvSpPr>
          <p:cNvPr id="9" name="Oval 16">
            <a:extLst>
              <a:ext uri="{FF2B5EF4-FFF2-40B4-BE49-F238E27FC236}">
                <a16:creationId xmlns:a16="http://schemas.microsoft.com/office/drawing/2014/main" id="{B3D44F20-9A3F-4AF1-B345-ADB24C37B6C6}"/>
              </a:ext>
            </a:extLst>
          </p:cNvPr>
          <p:cNvSpPr>
            <a:spLocks noChangeAspect="1"/>
          </p:cNvSpPr>
          <p:nvPr/>
        </p:nvSpPr>
        <p:spPr>
          <a:xfrm>
            <a:off x="8192889" y="3578574"/>
            <a:ext cx="753612" cy="7536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Juni</a:t>
            </a:r>
          </a:p>
        </p:txBody>
      </p:sp>
      <p:sp>
        <p:nvSpPr>
          <p:cNvPr id="10" name="Oval 17">
            <a:extLst>
              <a:ext uri="{FF2B5EF4-FFF2-40B4-BE49-F238E27FC236}">
                <a16:creationId xmlns:a16="http://schemas.microsoft.com/office/drawing/2014/main" id="{9B53E9FB-C3B0-44DB-A6F5-58CD26CCFDE8}"/>
              </a:ext>
            </a:extLst>
          </p:cNvPr>
          <p:cNvSpPr>
            <a:spLocks noChangeAspect="1"/>
          </p:cNvSpPr>
          <p:nvPr/>
        </p:nvSpPr>
        <p:spPr>
          <a:xfrm>
            <a:off x="2542674" y="3578449"/>
            <a:ext cx="753612" cy="7536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Marts</a:t>
            </a:r>
          </a:p>
        </p:txBody>
      </p:sp>
      <p:sp>
        <p:nvSpPr>
          <p:cNvPr id="11" name="Oval 18">
            <a:extLst>
              <a:ext uri="{FF2B5EF4-FFF2-40B4-BE49-F238E27FC236}">
                <a16:creationId xmlns:a16="http://schemas.microsoft.com/office/drawing/2014/main" id="{283C9FA1-69D1-427B-97DB-7FC1E049D1B2}"/>
              </a:ext>
            </a:extLst>
          </p:cNvPr>
          <p:cNvSpPr>
            <a:spLocks noChangeAspect="1"/>
          </p:cNvSpPr>
          <p:nvPr/>
        </p:nvSpPr>
        <p:spPr>
          <a:xfrm>
            <a:off x="10076292" y="3578574"/>
            <a:ext cx="794073" cy="7536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August</a:t>
            </a:r>
          </a:p>
        </p:txBody>
      </p:sp>
      <p:cxnSp>
        <p:nvCxnSpPr>
          <p:cNvPr id="13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1048826" y="2251762"/>
            <a:ext cx="1" cy="1268887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487830" y="2516808"/>
            <a:ext cx="955086" cy="3847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3 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Frist for rettidig ansøgning</a:t>
            </a:r>
          </a:p>
        </p:txBody>
      </p:sp>
      <p:sp>
        <p:nvSpPr>
          <p:cNvPr id="15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21360" y="1656194"/>
            <a:ext cx="1054931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2 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Udmelding af foreløbige kapaciteter</a:t>
            </a:r>
          </a:p>
        </p:txBody>
      </p:sp>
      <p:cxnSp>
        <p:nvCxnSpPr>
          <p:cNvPr id="16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2919480" y="2884899"/>
            <a:ext cx="0" cy="635750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542555" y="5036285"/>
            <a:ext cx="955086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3 – 25/3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Regioner og institutioner vurderer forrang</a:t>
            </a:r>
          </a:p>
        </p:txBody>
      </p:sp>
      <p:cxnSp>
        <p:nvCxnSpPr>
          <p:cNvPr id="20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H="1" flipV="1">
            <a:off x="3902255" y="3983458"/>
            <a:ext cx="27791" cy="956836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354398" y="2672250"/>
            <a:ext cx="955086" cy="3847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4 – 1/5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Behandling af ansøgninger</a:t>
            </a:r>
          </a:p>
        </p:txBody>
      </p:sp>
      <p:cxnSp>
        <p:nvCxnSpPr>
          <p:cNvPr id="23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5731332" y="3075760"/>
            <a:ext cx="8836" cy="869157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75167" y="1881696"/>
            <a:ext cx="955086" cy="3847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5 – 15/5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Central </a:t>
            </a:r>
            <a:r>
              <a:rPr lang="da-DK" sz="800" dirty="0" err="1">
                <a:solidFill>
                  <a:schemeClr val="tx2"/>
                </a:solidFill>
                <a:latin typeface="+mj-lt"/>
              </a:rPr>
              <a:t>elevfordeling</a:t>
            </a:r>
            <a:endParaRPr lang="da-DK" sz="800" dirty="0">
              <a:solidFill>
                <a:schemeClr val="tx2"/>
              </a:solidFill>
              <a:latin typeface="+mj-lt"/>
            </a:endParaRPr>
          </a:p>
        </p:txBody>
      </p:sp>
      <p:cxnSp>
        <p:nvCxnSpPr>
          <p:cNvPr id="25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  <a:endCxn id="24" idx="2"/>
          </p:cNvCxnSpPr>
          <p:nvPr/>
        </p:nvCxnSpPr>
        <p:spPr>
          <a:xfrm flipV="1">
            <a:off x="7343874" y="2266417"/>
            <a:ext cx="8836" cy="1717041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262274" y="4861669"/>
            <a:ext cx="955086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/6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Besked om pladsreservation til ansøgere</a:t>
            </a:r>
          </a:p>
        </p:txBody>
      </p:sp>
      <p:cxnSp>
        <p:nvCxnSpPr>
          <p:cNvPr id="27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7511970" y="3994503"/>
            <a:ext cx="18913" cy="1572920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715346" y="2599102"/>
            <a:ext cx="955086" cy="5693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25/5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Meddelelse til institutionerne om, hvilke elever de får</a:t>
            </a:r>
          </a:p>
        </p:txBody>
      </p:sp>
      <p:cxnSp>
        <p:nvCxnSpPr>
          <p:cNvPr id="32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8014717" y="3208137"/>
            <a:ext cx="0" cy="751894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034427" y="5629679"/>
            <a:ext cx="955086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15/5 – 25/5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Regionernes fordeling af </a:t>
            </a:r>
            <a:r>
              <a:rPr lang="da-DK" sz="800" dirty="0" err="1">
                <a:solidFill>
                  <a:schemeClr val="tx2"/>
                </a:solidFill>
                <a:latin typeface="+mj-lt"/>
              </a:rPr>
              <a:t>ufordelte</a:t>
            </a:r>
            <a:endParaRPr lang="da-DK" sz="800" dirty="0">
              <a:solidFill>
                <a:schemeClr val="tx2"/>
              </a:solidFill>
              <a:latin typeface="+mj-lt"/>
            </a:endParaRPr>
          </a:p>
        </p:txBody>
      </p:sp>
      <p:cxnSp>
        <p:nvCxnSpPr>
          <p:cNvPr id="39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8569695" y="4357315"/>
            <a:ext cx="0" cy="399880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2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121206" y="5629679"/>
            <a:ext cx="955086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7/6 – 7/11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Regionernes fordeling af </a:t>
            </a:r>
            <a:r>
              <a:rPr lang="da-DK" sz="800" dirty="0" err="1">
                <a:solidFill>
                  <a:schemeClr val="tx2"/>
                </a:solidFill>
                <a:latin typeface="+mj-lt"/>
              </a:rPr>
              <a:t>eftertilmeldere</a:t>
            </a:r>
            <a:endParaRPr lang="da-DK" sz="800" dirty="0">
              <a:solidFill>
                <a:schemeClr val="tx2"/>
              </a:solidFill>
              <a:latin typeface="+mj-lt"/>
            </a:endParaRPr>
          </a:p>
        </p:txBody>
      </p:sp>
      <p:cxnSp>
        <p:nvCxnSpPr>
          <p:cNvPr id="43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9395375" y="3994503"/>
            <a:ext cx="18913" cy="1572920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376749" y="4863324"/>
            <a:ext cx="1107761" cy="477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Juni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Vurdering af adgangskrav + evt. optagelsesprøver</a:t>
            </a:r>
          </a:p>
        </p:txBody>
      </p:sp>
      <p:cxnSp>
        <p:nvCxnSpPr>
          <p:cNvPr id="45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9964344" y="3994503"/>
            <a:ext cx="0" cy="762692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Rectangle 3">
            <a:extLst>
              <a:ext uri="{FF2B5EF4-FFF2-40B4-BE49-F238E27FC236}">
                <a16:creationId xmlns:a16="http://schemas.microsoft.com/office/drawing/2014/main" id="{AE52A1CD-7F64-41DD-BC61-49F4A8C530A8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647478" y="5086644"/>
            <a:ext cx="955086" cy="2923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72000" tIns="0" rIns="72000" bIns="0" numCol="1" anchor="t" anchorCtr="0" compatLnSpc="1">
            <a:prstTxWarp prst="textNoShape">
              <a:avLst/>
            </a:prstTxWarp>
            <a:spAutoFit/>
          </a:bodyPr>
          <a:lstStyle>
            <a:lvl1pPr algn="l" rtl="0" eaLnBrk="1" fontAlgn="base" hangingPunct="1">
              <a:spcBef>
                <a:spcPct val="5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3652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•"/>
              <a:defRPr sz="1200">
                <a:solidFill>
                  <a:schemeClr val="tx1"/>
                </a:solidFill>
                <a:latin typeface="+mn-lt"/>
              </a:defRPr>
            </a:lvl2pPr>
            <a:lvl3pPr marL="28575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–"/>
              <a:defRPr sz="1200">
                <a:solidFill>
                  <a:schemeClr val="tx1"/>
                </a:solidFill>
                <a:latin typeface="+mn-lt"/>
              </a:defRPr>
            </a:lvl3pPr>
            <a:lvl4pPr marL="422275" indent="-134938" algn="l" rtl="0" eaLnBrk="1" fontAlgn="base" hangingPunct="1">
              <a:spcBef>
                <a:spcPct val="50000"/>
              </a:spcBef>
              <a:spcAft>
                <a:spcPct val="0"/>
              </a:spcAft>
              <a:buChar char="·"/>
              <a:defRPr sz="1200">
                <a:solidFill>
                  <a:schemeClr val="tx1"/>
                </a:solidFill>
                <a:latin typeface="+mn-lt"/>
              </a:defRPr>
            </a:lvl4pPr>
            <a:lvl5pPr marL="5715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5pPr>
            <a:lvl6pPr marL="10287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6pPr>
            <a:lvl7pPr marL="14859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7pPr>
            <a:lvl8pPr marL="19431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8pPr>
            <a:lvl9pPr marL="2400300" indent="-147638" algn="l" rtl="0" eaLnBrk="1" fontAlgn="base" hangingPunct="1">
              <a:spcBef>
                <a:spcPct val="50000"/>
              </a:spcBef>
              <a:spcAft>
                <a:spcPct val="0"/>
              </a:spcAft>
              <a:buChar char="»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algn="ctr">
              <a:lnSpc>
                <a:spcPct val="75000"/>
              </a:lnSpc>
            </a:pPr>
            <a:r>
              <a:rPr lang="da-DK" dirty="0">
                <a:solidFill>
                  <a:schemeClr val="tx2"/>
                </a:solidFill>
                <a:latin typeface="+mj-lt"/>
              </a:rPr>
              <a:t>26/4</a:t>
            </a:r>
          </a:p>
          <a:p>
            <a:pPr algn="ctr">
              <a:lnSpc>
                <a:spcPct val="75000"/>
              </a:lnSpc>
            </a:pPr>
            <a:r>
              <a:rPr lang="da-DK" sz="800" dirty="0">
                <a:solidFill>
                  <a:schemeClr val="tx2"/>
                </a:solidFill>
                <a:latin typeface="+mj-lt"/>
              </a:rPr>
              <a:t>Optagelsesprøve</a:t>
            </a:r>
          </a:p>
        </p:txBody>
      </p:sp>
      <p:cxnSp>
        <p:nvCxnSpPr>
          <p:cNvPr id="49" name="Straight Connector 13">
            <a:extLst>
              <a:ext uri="{FF2B5EF4-FFF2-40B4-BE49-F238E27FC236}">
                <a16:creationId xmlns:a16="http://schemas.microsoft.com/office/drawing/2014/main" id="{2582BC8F-0F9D-4296-99DB-B93D2289B524}"/>
              </a:ext>
            </a:extLst>
          </p:cNvPr>
          <p:cNvCxnSpPr>
            <a:cxnSpLocks/>
          </p:cNvCxnSpPr>
          <p:nvPr/>
        </p:nvCxnSpPr>
        <p:spPr>
          <a:xfrm flipV="1">
            <a:off x="6131469" y="3990258"/>
            <a:ext cx="10146" cy="950036"/>
          </a:xfrm>
          <a:prstGeom prst="line">
            <a:avLst/>
          </a:prstGeom>
          <a:ln w="12700">
            <a:solidFill>
              <a:srgbClr val="007A98"/>
            </a:solidFill>
            <a:prstDash val="sysDot"/>
            <a:headEnd type="none" w="med" len="med"/>
            <a:tailEnd type="none" w="lg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452004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Zon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341217" y="2412250"/>
            <a:ext cx="5423478" cy="3559179"/>
          </a:xfrm>
        </p:spPr>
        <p:txBody>
          <a:bodyPr/>
          <a:lstStyle/>
          <a:p>
            <a:r>
              <a:rPr lang="da-DK" dirty="0"/>
              <a:t>Landet er inddelt i 28 geografiske zoner</a:t>
            </a:r>
          </a:p>
          <a:p>
            <a:pPr lvl="1"/>
            <a:r>
              <a:rPr lang="da-DK" dirty="0"/>
              <a:t>5 fordelingszoner</a:t>
            </a:r>
          </a:p>
          <a:p>
            <a:pPr lvl="1"/>
            <a:r>
              <a:rPr lang="da-DK" dirty="0"/>
              <a:t>23 afstandszoner</a:t>
            </a:r>
          </a:p>
          <a:p>
            <a:r>
              <a:rPr lang="da-DK" dirty="0"/>
              <a:t>Zonerne følger kommunegrænser</a:t>
            </a:r>
          </a:p>
          <a:p>
            <a:r>
              <a:rPr lang="da-DK" dirty="0"/>
              <a:t>Fordelingszoner er fordelingszoner i mindst tre år ad gangen</a:t>
            </a:r>
          </a:p>
          <a:p>
            <a:r>
              <a:rPr lang="da-DK" dirty="0"/>
              <a:t>Det vurderes årligt, om en afstandszone skal overgå til at være fordelingszone</a:t>
            </a:r>
          </a:p>
          <a:p>
            <a:pPr marL="180000" lvl="1" indent="0">
              <a:buNone/>
            </a:pPr>
            <a:endParaRPr lang="da-DK" dirty="0"/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FB7E0C-6304-41C9-8D5F-9F9F317C11E4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9" name="Pladsholder til indhold 7"/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6635748" y="1739846"/>
            <a:ext cx="4405367" cy="44053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337581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delingszon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/>
              <a:t>Elevpladserne opdeles i tre grupper </a:t>
            </a:r>
            <a:r>
              <a:rPr lang="da-DK" dirty="0" err="1"/>
              <a:t>pba</a:t>
            </a:r>
            <a:r>
              <a:rPr lang="da-DK" dirty="0"/>
              <a:t>. forældreindkomst: Høj, mellem og lav</a:t>
            </a:r>
          </a:p>
          <a:p>
            <a:r>
              <a:rPr lang="da-DK" dirty="0"/>
              <a:t>Der er pladser i alle indkomstgrupper på alle gymnasier</a:t>
            </a:r>
          </a:p>
          <a:p>
            <a:r>
              <a:rPr lang="da-DK" dirty="0"/>
              <a:t>Andelen af pladser i hver indkomstgruppe skal afspejle andelen af 1. prioritetsansøgere til den pågældende uddannelse i zonen</a:t>
            </a:r>
          </a:p>
          <a:p>
            <a:r>
              <a:rPr lang="da-DK" dirty="0"/>
              <a:t>Antallet af pladser i hver indkomstgruppe fastsættes efter den 1. marts</a:t>
            </a:r>
          </a:p>
          <a:p>
            <a:r>
              <a:rPr lang="da-DK" dirty="0"/>
              <a:t>En ansøger tilhører samme indkomstgruppe - uanset hvor i landet ansøgeren søger – og kan komme i betragtning til pladserne i indkomstgruppen, som han/hun er placeret i</a:t>
            </a:r>
          </a:p>
          <a:p>
            <a:r>
              <a:rPr lang="da-DK" dirty="0"/>
              <a:t>Beløbsgrænser for indkomstgrupperne offentliggøres ultimo 2022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pic>
        <p:nvPicPr>
          <p:cNvPr id="8" name="Billede 7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60774" y="3050880"/>
            <a:ext cx="2456335" cy="12739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994563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aser i kapacitetsfastsættelse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BF9439-ACD5-40DF-9AA7-A3F79ACD6661}" type="datetime2">
              <a:rPr lang="da-DK" noProof="0" smtClean="0"/>
              <a:t>6. november 2022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7</a:t>
            </a:fld>
            <a:endParaRPr lang="da-DK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701426005"/>
              </p:ext>
            </p:extLst>
          </p:nvPr>
        </p:nvGraphicFramePr>
        <p:xfrm>
          <a:off x="678599" y="1558635"/>
          <a:ext cx="10791505" cy="397971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Ellipse 7"/>
          <p:cNvSpPr/>
          <p:nvPr/>
        </p:nvSpPr>
        <p:spPr>
          <a:xfrm>
            <a:off x="2736063" y="1474640"/>
            <a:ext cx="2807487" cy="1582694"/>
          </a:xfrm>
          <a:prstGeom prst="ellipse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500" dirty="0">
                <a:solidFill>
                  <a:schemeClr val="bg1"/>
                </a:solidFill>
              </a:rPr>
              <a:t>Indstilling fra institutioner og efterfølgende dialog med regioner</a:t>
            </a:r>
          </a:p>
          <a:p>
            <a:pPr algn="ctr"/>
            <a:endParaRPr lang="da-DK" sz="1400" noProof="0" dirty="0" err="1"/>
          </a:p>
        </p:txBody>
      </p:sp>
      <p:sp>
        <p:nvSpPr>
          <p:cNvPr id="9" name="Højrepil 8"/>
          <p:cNvSpPr/>
          <p:nvPr/>
        </p:nvSpPr>
        <p:spPr>
          <a:xfrm rot="5400000">
            <a:off x="3807873" y="3157162"/>
            <a:ext cx="667003" cy="639179"/>
          </a:xfrm>
          <a:prstGeom prst="rightArrow">
            <a:avLst>
              <a:gd name="adj1" fmla="val 60000"/>
              <a:gd name="adj2" fmla="val 50000"/>
            </a:avLst>
          </a:prstGeom>
          <a:solidFill>
            <a:schemeClr val="tx1">
              <a:lumMod val="25000"/>
              <a:lumOff val="75000"/>
            </a:schemeClr>
          </a:solidFill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0036519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. Ansøgning, prioriteter og forrang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12" y="2186207"/>
            <a:ext cx="8332789" cy="3731836"/>
          </a:xfrm>
        </p:spPr>
        <p:txBody>
          <a:bodyPr/>
          <a:lstStyle/>
          <a:p>
            <a:r>
              <a:rPr lang="da-DK" dirty="0"/>
              <a:t>Ansøgningsfristen er den 1. marts</a:t>
            </a:r>
          </a:p>
          <a:p>
            <a:r>
              <a:rPr lang="da-DK" dirty="0"/>
              <a:t>Ansøgning sker via optagelse.dk for </a:t>
            </a:r>
            <a:r>
              <a:rPr lang="da-DK" u="sng" dirty="0"/>
              <a:t>alle</a:t>
            </a:r>
            <a:r>
              <a:rPr lang="da-DK" dirty="0"/>
              <a:t> ansøgere</a:t>
            </a:r>
          </a:p>
          <a:p>
            <a:r>
              <a:rPr lang="da-DK" dirty="0"/>
              <a:t>Rettidige ansøgere er garanteret en foreløbig plads på en gymnasial uddannelse og har mulighed for at søge om forrang</a:t>
            </a:r>
          </a:p>
          <a:p>
            <a:r>
              <a:rPr lang="da-DK" dirty="0"/>
              <a:t>Ansøgere kan søge i alle zoner og på tværs af zoner</a:t>
            </a:r>
          </a:p>
          <a:p>
            <a:r>
              <a:rPr lang="da-DK" dirty="0"/>
              <a:t>Ansøgerens prioriteter afprøves i ansøgerens prioriterede rækkefølge – vær omhyggelig med rækkefølgen!</a:t>
            </a:r>
          </a:p>
          <a:p>
            <a:r>
              <a:rPr lang="da-DK" dirty="0"/>
              <a:t>Ansøgeren kan ikke fordeles til en uddannelse, som ansøgeren ikke har søgt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11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62894" y="1966727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Januar</a:t>
            </a:r>
          </a:p>
        </p:txBody>
      </p:sp>
      <p:sp>
        <p:nvSpPr>
          <p:cNvPr id="12" name="Oval 13">
            <a:extLst>
              <a:ext uri="{FF2B5EF4-FFF2-40B4-BE49-F238E27FC236}">
                <a16:creationId xmlns:a16="http://schemas.microsoft.com/office/drawing/2014/main" id="{E5EC0F14-6C9F-4FA1-A223-4BC9E6E44D78}"/>
              </a:ext>
            </a:extLst>
          </p:cNvPr>
          <p:cNvSpPr>
            <a:spLocks noChangeAspect="1"/>
          </p:cNvSpPr>
          <p:nvPr/>
        </p:nvSpPr>
        <p:spPr>
          <a:xfrm>
            <a:off x="10178546" y="4742812"/>
            <a:ext cx="1015012" cy="1015012"/>
          </a:xfrm>
          <a:prstGeom prst="ellipse">
            <a:avLst/>
          </a:prstGeom>
          <a:solidFill>
            <a:schemeClr val="bg1"/>
          </a:solidFill>
          <a:ln w="38100">
            <a:solidFill>
              <a:srgbClr val="007A98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108000" rIns="0" bIns="108000" rtlCol="0" anchor="ctr">
            <a:noAutofit/>
          </a:bodyPr>
          <a:lstStyle/>
          <a:p>
            <a:pPr algn="ctr"/>
            <a:r>
              <a:rPr lang="da-DK" sz="1100" b="1" dirty="0">
                <a:solidFill>
                  <a:schemeClr val="tx2"/>
                </a:solidFill>
                <a:latin typeface="+mj-lt"/>
              </a:rPr>
              <a:t>1. april</a:t>
            </a:r>
          </a:p>
        </p:txBody>
      </p:sp>
      <p:cxnSp>
        <p:nvCxnSpPr>
          <p:cNvPr id="15" name="Lige pilforbindelse 14"/>
          <p:cNvCxnSpPr/>
          <p:nvPr/>
        </p:nvCxnSpPr>
        <p:spPr>
          <a:xfrm>
            <a:off x="10670400" y="3085106"/>
            <a:ext cx="0" cy="1494845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0810055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iorite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65" y="2245273"/>
            <a:ext cx="8332753" cy="4518000"/>
          </a:xfrm>
        </p:spPr>
        <p:txBody>
          <a:bodyPr/>
          <a:lstStyle/>
          <a:p>
            <a:r>
              <a:rPr lang="da-DK" dirty="0"/>
              <a:t>Ingen max. antal prioriteter</a:t>
            </a:r>
          </a:p>
          <a:p>
            <a:r>
              <a:rPr lang="da-DK" dirty="0"/>
              <a:t>Krav om minimum fire prioriteter, hvis ansøgers 1. prioritet er i en fordelingszone </a:t>
            </a:r>
          </a:p>
          <a:p>
            <a:r>
              <a:rPr lang="da-DK" dirty="0"/>
              <a:t>Dog fravigelse fra krav om minimum fire prioriteter, hvis*</a:t>
            </a:r>
          </a:p>
          <a:p>
            <a:pPr lvl="1"/>
            <a:r>
              <a:rPr lang="da-DK" dirty="0"/>
              <a:t>Ansøgerens 1. prioritet er en ASF-klasse</a:t>
            </a:r>
          </a:p>
          <a:p>
            <a:pPr lvl="1"/>
            <a:r>
              <a:rPr lang="da-DK" dirty="0"/>
              <a:t>Ansøgeren alene søger optagelse i særlige klasser (omfattet af § 61, stk. 1 eller 2)</a:t>
            </a:r>
          </a:p>
          <a:p>
            <a:pPr lvl="1"/>
            <a:r>
              <a:rPr lang="da-DK" dirty="0"/>
              <a:t>Ansøgeren ikke kan prioritere fire uddannelsesønsker med en ønsket uddannelse inden for en transporttid på 45 minutter fra sin bopæl</a:t>
            </a:r>
          </a:p>
          <a:p>
            <a:pPr marL="180000" lvl="1" indent="0">
              <a:buNone/>
            </a:pP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C635F7-DA85-43C0-B893-2EC1B9725940}" type="datetime2">
              <a:rPr lang="da-DK" smtClean="0"/>
              <a:t>6. november 2022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>
          <a:xfrm>
            <a:off x="539747" y="5892846"/>
            <a:ext cx="8332788" cy="377325"/>
          </a:xfrm>
        </p:spPr>
        <p:txBody>
          <a:bodyPr/>
          <a:lstStyle/>
          <a:p>
            <a:r>
              <a:rPr lang="da-DK" dirty="0"/>
              <a:t>*Fremgår af udkast til ‘Bekendtgørelse om ansøgning til de gymnasiale uddannelser og forrang til visse ansøgere’, som har været i ekstern høring men ikke er udstedt endnu</a:t>
            </a:r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66880" y="2959678"/>
            <a:ext cx="2745947" cy="15445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83276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91997477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718</Words>
  <Application>Microsoft Office PowerPoint</Application>
  <PresentationFormat>Widescreen</PresentationFormat>
  <Paragraphs>288</Paragraphs>
  <Slides>21</Slides>
  <Notes>21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25" baseType="lpstr">
      <vt:lpstr>Arial</vt:lpstr>
      <vt:lpstr>Georgia</vt:lpstr>
      <vt:lpstr>Verdana</vt:lpstr>
      <vt:lpstr>UVM</vt:lpstr>
      <vt:lpstr>Nye elevfordelingsregler for ansøgere til skoleåret 2023/24 Samba 10 - vejlederkonference den 4. november 2022</vt:lpstr>
      <vt:lpstr>Indhold</vt:lpstr>
      <vt:lpstr>Lovgrundlag</vt:lpstr>
      <vt:lpstr>Tidslinje</vt:lpstr>
      <vt:lpstr>Zoner</vt:lpstr>
      <vt:lpstr>Fordelingszoner</vt:lpstr>
      <vt:lpstr>Faser i kapacitetsfastsættelsen</vt:lpstr>
      <vt:lpstr>2. Ansøgning, prioriteter og forrang</vt:lpstr>
      <vt:lpstr>Prioriteter</vt:lpstr>
      <vt:lpstr>Forrang</vt:lpstr>
      <vt:lpstr>3. Behandling af ansøgninger</vt:lpstr>
      <vt:lpstr>Oplysninger om forældreindkomst</vt:lpstr>
      <vt:lpstr>Opgørelse af transporttid og adresser</vt:lpstr>
      <vt:lpstr>4. Central elevfordeling</vt:lpstr>
      <vt:lpstr>Sådan foregår fordelingen</vt:lpstr>
      <vt:lpstr>Ansøgere, der ikke får opfyldt deres prioriteter</vt:lpstr>
      <vt:lpstr>5. Regionernes fordeling af ufordelte ansøgere </vt:lpstr>
      <vt:lpstr>5. Regionernes fordeling af eftertilmeldere</vt:lpstr>
      <vt:lpstr>6. Pladsreservation og optagelse</vt:lpstr>
      <vt:lpstr>7. Genoptagelse og klage</vt:lpstr>
      <vt:lpstr>Information om elevfordel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04-11T11:14:19Z</dcterms:created>
  <dcterms:modified xsi:type="dcterms:W3CDTF">2022-11-06T14:07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uvm</vt:lpwstr>
  </property>
  <property fmtid="{D5CDD505-2E9C-101B-9397-08002B2CF9AE}" pid="5" name="TemplateId">
    <vt:lpwstr>637030260375803988</vt:lpwstr>
  </property>
  <property fmtid="{D5CDD505-2E9C-101B-9397-08002B2CF9AE}" pid="6" name="UserProfileId">
    <vt:lpwstr>637079320175284966</vt:lpwstr>
  </property>
</Properties>
</file>